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4DBD165A-3314-419C-930E-1A2F0F47B412}" xr6:coauthVersionLast="47" xr6:coauthVersionMax="47" xr10:uidLastSave="{00000000-0000-0000-0000-000000000000}"/>
  <bookViews>
    <workbookView xWindow="-98" yWindow="-98" windowWidth="24196" windowHeight="14476" tabRatio="858" xr2:uid="{00000000-000D-0000-FFFF-FFFF00000000}"/>
  </bookViews>
  <sheets>
    <sheet name="2024 Rookie Free-Agent Draft" sheetId="1" r:id="rId1"/>
    <sheet name="2024 Supplemental Draft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39" i="1" l="1"/>
  <c r="M39" i="1"/>
  <c r="I39" i="1"/>
  <c r="E39" i="1"/>
  <c r="A39" i="1"/>
  <c r="E7" i="1" l="1"/>
  <c r="I7" i="1"/>
  <c r="Q7" i="1"/>
  <c r="M7" i="1"/>
</calcChain>
</file>

<file path=xl/sharedStrings.xml><?xml version="1.0" encoding="utf-8"?>
<sst xmlns="http://schemas.openxmlformats.org/spreadsheetml/2006/main" count="1377" uniqueCount="467">
  <si>
    <t xml:space="preserve">  Round 1</t>
  </si>
  <si>
    <t xml:space="preserve">  Round 2</t>
  </si>
  <si>
    <t xml:space="preserve">  Round 3</t>
  </si>
  <si>
    <t xml:space="preserve">  Round 7</t>
  </si>
  <si>
    <t>ATL</t>
  </si>
  <si>
    <t>GB</t>
  </si>
  <si>
    <t>SEA</t>
  </si>
  <si>
    <t>TEN</t>
  </si>
  <si>
    <t>PHI</t>
  </si>
  <si>
    <t>CHI</t>
  </si>
  <si>
    <t>DAL</t>
  </si>
  <si>
    <t>NYG</t>
  </si>
  <si>
    <t>PIT</t>
  </si>
  <si>
    <t>Pick</t>
  </si>
  <si>
    <t>Owner</t>
  </si>
  <si>
    <t>TB</t>
  </si>
  <si>
    <t>BUF</t>
  </si>
  <si>
    <t xml:space="preserve">  Round 6</t>
  </si>
  <si>
    <t>CIN</t>
  </si>
  <si>
    <t>DET</t>
  </si>
  <si>
    <t>KC</t>
  </si>
  <si>
    <t>IND</t>
  </si>
  <si>
    <t>BAL</t>
  </si>
  <si>
    <t>NE</t>
  </si>
  <si>
    <t>JAX</t>
  </si>
  <si>
    <t>Round 4</t>
  </si>
  <si>
    <t>Round 5</t>
  </si>
  <si>
    <t>Round 8</t>
  </si>
  <si>
    <t>Round 9</t>
  </si>
  <si>
    <t>Round 10</t>
  </si>
  <si>
    <t xml:space="preserve">  Round 4</t>
  </si>
  <si>
    <t>Drop</t>
  </si>
  <si>
    <t xml:space="preserve">  Round 5</t>
  </si>
  <si>
    <t>Round 7</t>
  </si>
  <si>
    <t>HOU</t>
  </si>
  <si>
    <t>Team</t>
  </si>
  <si>
    <t>Record</t>
  </si>
  <si>
    <t>ARI</t>
  </si>
  <si>
    <t>CLE</t>
  </si>
  <si>
    <t>Generic Even Round:</t>
  </si>
  <si>
    <t>NYJ</t>
  </si>
  <si>
    <t>NO</t>
  </si>
  <si>
    <t>WAS</t>
  </si>
  <si>
    <t>2024 SEASON S28 ROOKIE/FREE-AGENT DRAFT</t>
  </si>
  <si>
    <t>MIA</t>
  </si>
  <si>
    <t>CAR</t>
  </si>
  <si>
    <t>AZ</t>
  </si>
  <si>
    <t>1. 6:00pm ET -</t>
  </si>
  <si>
    <t>2. 6:10pm ET -</t>
  </si>
  <si>
    <t>3. 6:20pm ET -</t>
  </si>
  <si>
    <t>4. 6:30pm ET -</t>
  </si>
  <si>
    <t>5. 6:40pm ET -</t>
  </si>
  <si>
    <t>6. 6:50pm ET -</t>
  </si>
  <si>
    <t>7. 7:00pm ET -</t>
  </si>
  <si>
    <t>8. 7:10pm ET -</t>
  </si>
  <si>
    <t>9. 7:20pm ET -</t>
  </si>
  <si>
    <t>10. 7:30pm ET -</t>
  </si>
  <si>
    <t>11. 7:40pm ET -</t>
  </si>
  <si>
    <t>12. 7:50pm ET -</t>
  </si>
  <si>
    <t>13. 8:00pm ET -</t>
  </si>
  <si>
    <t>14. 8:10pm ET -</t>
  </si>
  <si>
    <t>15. 8:20pm ET -</t>
  </si>
  <si>
    <t>16. 8:30pm ET -</t>
  </si>
  <si>
    <t>17. 8:40pm ET -</t>
  </si>
  <si>
    <t>18. 8:50pm ET  -</t>
  </si>
  <si>
    <t>19. 9:00pm ET -</t>
  </si>
  <si>
    <t>20. 9:10pm ET -</t>
  </si>
  <si>
    <t>21. 9:20pm ET -</t>
  </si>
  <si>
    <t>22. 9:30pm ET -</t>
  </si>
  <si>
    <t>23. 9:40pm ET -</t>
  </si>
  <si>
    <t>24. 9:50pm ET -</t>
  </si>
  <si>
    <t>25. 10:00pm ET -</t>
  </si>
  <si>
    <t>26. 10:10pm ET -</t>
  </si>
  <si>
    <t>27. 10:20pm ET -</t>
  </si>
  <si>
    <t>28. 10:30pm ET -</t>
  </si>
  <si>
    <t>1. 12:00pm ET -</t>
  </si>
  <si>
    <t>2. 12:10pm ET -</t>
  </si>
  <si>
    <t>3. 12:20pm ET -</t>
  </si>
  <si>
    <t>4. 12:30pm ET -</t>
  </si>
  <si>
    <t>5. 12:40pm ET -</t>
  </si>
  <si>
    <t>6. 12:50pm ET -</t>
  </si>
  <si>
    <t>7. 1:00pm ET -</t>
  </si>
  <si>
    <t>8. 1:10pm ET -</t>
  </si>
  <si>
    <t>9. 1:20pm ET -</t>
  </si>
  <si>
    <t>10.1:30pm ET -</t>
  </si>
  <si>
    <t>11.1:40pm ET -</t>
  </si>
  <si>
    <t>12.1:50pm ET -</t>
  </si>
  <si>
    <t>13.2:00pm ET -</t>
  </si>
  <si>
    <t>14.2:10pm ET -</t>
  </si>
  <si>
    <t>15.2:20pm ET -</t>
  </si>
  <si>
    <t>16.2:30pm ET -</t>
  </si>
  <si>
    <t>17.2:40pm ET  -</t>
  </si>
  <si>
    <t>18.2:50pm ET -</t>
  </si>
  <si>
    <t>19. 3:00pm ET -</t>
  </si>
  <si>
    <t>20. 3:10pm ET -</t>
  </si>
  <si>
    <t>21. 3:20pm ET -</t>
  </si>
  <si>
    <t>22. 3:30pm ET -</t>
  </si>
  <si>
    <t>23. 3:40pm ET -</t>
  </si>
  <si>
    <t>24. 3:50pm ET -</t>
  </si>
  <si>
    <t>25. 4:00pm ET -</t>
  </si>
  <si>
    <t>26 4:10pm ET -</t>
  </si>
  <si>
    <t>27. 4:20pm ET -</t>
  </si>
  <si>
    <t xml:space="preserve">28. 4:30pm ET - </t>
  </si>
  <si>
    <t>1.4:40pm ET -</t>
  </si>
  <si>
    <t>2.4:50pm ET -</t>
  </si>
  <si>
    <t>3.5:00pm ET -</t>
  </si>
  <si>
    <t>4.5:10pm ET -</t>
  </si>
  <si>
    <t>5.5:20pm ET -</t>
  </si>
  <si>
    <t>6.5:30pm ET -</t>
  </si>
  <si>
    <t>7.5:40pm ET -</t>
  </si>
  <si>
    <t>8.5:50pm ET  -</t>
  </si>
  <si>
    <t>9.6:00pm ET -</t>
  </si>
  <si>
    <t>10.6:10pm ET -</t>
  </si>
  <si>
    <t>11.6:20pm ET -</t>
  </si>
  <si>
    <t>12. 6:30pm ET -</t>
  </si>
  <si>
    <t>13. 6:40pm ET -</t>
  </si>
  <si>
    <t>14. 6:50pm ET -</t>
  </si>
  <si>
    <t>15. 7:00pm ET -</t>
  </si>
  <si>
    <t>16. 7:10pm ET -</t>
  </si>
  <si>
    <t>17. 7:20pm ET -</t>
  </si>
  <si>
    <t>18. 7:30pm ET -</t>
  </si>
  <si>
    <t>19. 7:40pm ET -</t>
  </si>
  <si>
    <t>20. 7:50pm ET -</t>
  </si>
  <si>
    <t>21. 8:00pm ET -</t>
  </si>
  <si>
    <t>22. 8:10pm ET -</t>
  </si>
  <si>
    <t>23. 8:20pm ET -</t>
  </si>
  <si>
    <t>24. 8:30pm ET -</t>
  </si>
  <si>
    <t>25. 8:40pm ET -</t>
  </si>
  <si>
    <t>26. 8:50pm ET -</t>
  </si>
  <si>
    <t>27. 9:00pm ET -</t>
  </si>
  <si>
    <t xml:space="preserve">28. 9:10pm ET - </t>
  </si>
  <si>
    <t>LAV</t>
  </si>
  <si>
    <t>LAR</t>
  </si>
  <si>
    <t>For 2024 Card Set DEN moved to CLE</t>
  </si>
  <si>
    <t>Nix, Bo</t>
  </si>
  <si>
    <t>Daniels, Jayden</t>
  </si>
  <si>
    <t>Williams, Caleb</t>
  </si>
  <si>
    <t>Maye, Drake</t>
  </si>
  <si>
    <t>Bowers, Brock</t>
  </si>
  <si>
    <t>Alt, Joe</t>
  </si>
  <si>
    <t>Gonzalez, Christian</t>
  </si>
  <si>
    <t>Thomas Jr, Bryan</t>
  </si>
  <si>
    <t>Mitchell, Quinyon</t>
  </si>
  <si>
    <t>Penix Jr, Michael</t>
  </si>
  <si>
    <t>Wiggins, Nate</t>
  </si>
  <si>
    <t>Irving, Bucky</t>
  </si>
  <si>
    <t>Puni, Dominick</t>
  </si>
  <si>
    <t>Lassiter, Kamari</t>
  </si>
  <si>
    <t>Rosengarten, Roger</t>
  </si>
  <si>
    <t>Nabers, Malik</t>
  </si>
  <si>
    <t>Verse, Jared</t>
  </si>
  <si>
    <t>McConkey, Ladd</t>
  </si>
  <si>
    <t>Green, Renardo</t>
  </si>
  <si>
    <t>Sweat, T'Vondre</t>
  </si>
  <si>
    <t>Harrison Jr, Marvin</t>
  </si>
  <si>
    <t>Frazier, Zach</t>
  </si>
  <si>
    <t>Arnold, Terrion</t>
  </si>
  <si>
    <t>McKinstry, Kool-Aid</t>
  </si>
  <si>
    <t>Powers-Johnson, Jackson</t>
  </si>
  <si>
    <t>Cooper, Edgerrin</t>
  </si>
  <si>
    <t>Odunze, Rome</t>
  </si>
  <si>
    <t>Latham, JC</t>
  </si>
  <si>
    <t>Latu, Laiatu</t>
  </si>
  <si>
    <t>Robinson, Chop</t>
  </si>
  <si>
    <t>Murphy II, Byron</t>
  </si>
  <si>
    <t>Fiske, Braden</t>
  </si>
  <si>
    <t>Beebe, Cooper</t>
  </si>
  <si>
    <t>Fuaga, Taliese</t>
  </si>
  <si>
    <t>Davis, Ray</t>
  </si>
  <si>
    <t>DeJean, Cooper</t>
  </si>
  <si>
    <t>Still, Tarheeb</t>
  </si>
  <si>
    <t>Knight, Tyrice</t>
  </si>
  <si>
    <t>Winters, Dee</t>
  </si>
  <si>
    <t>Fashanu, Olumuyiwa</t>
  </si>
  <si>
    <t>Tracy Jr, Tyrone</t>
  </si>
  <si>
    <t>Turner, Dallas</t>
  </si>
  <si>
    <t>Hicks, Jaden</t>
  </si>
  <si>
    <t>Allen, Braelon</t>
  </si>
  <si>
    <t>Barton, Graham</t>
  </si>
  <si>
    <t>Benson, Trey</t>
  </si>
  <si>
    <t>Worthy, Xavier</t>
  </si>
  <si>
    <t>Wilson, Payton</t>
  </si>
  <si>
    <t>Hunt, Jalyx</t>
  </si>
  <si>
    <t>Bullock, Calen</t>
  </si>
  <si>
    <t>Sainristil, Mike</t>
  </si>
  <si>
    <t>Elliss, Jonah</t>
  </si>
  <si>
    <t>Nubin, Tyler</t>
  </si>
  <si>
    <t>Pearsall, Ricky</t>
  </si>
  <si>
    <t>Coleman, Brandon</t>
  </si>
  <si>
    <t>Mims, Amarius</t>
  </si>
  <si>
    <t>Coleman, Keon</t>
  </si>
  <si>
    <t>Washington, Ar'Darius</t>
  </si>
  <si>
    <t>Williams, Evan</t>
  </si>
  <si>
    <t>Robinson, Darius</t>
  </si>
  <si>
    <t>Kinchens, Kamren</t>
  </si>
  <si>
    <t>Hewitt, Neville</t>
  </si>
  <si>
    <t>Little, Cam</t>
  </si>
  <si>
    <t>Adams, Isaiah</t>
  </si>
  <si>
    <t>Mahogany, Christian</t>
  </si>
  <si>
    <t>Guyton, Tyler</t>
  </si>
  <si>
    <t>Rattler, Spencer</t>
  </si>
  <si>
    <t>Wallace, Trevin</t>
  </si>
  <si>
    <t>Paul, Patrick</t>
  </si>
  <si>
    <t>Carlies, Jaylon</t>
  </si>
  <si>
    <t>Speights, Omar</t>
  </si>
  <si>
    <t>McCormick, Mason</t>
  </si>
  <si>
    <t>Glaze, Delmar</t>
  </si>
  <si>
    <t>Taylor-Demerson, Dadrion</t>
  </si>
  <si>
    <t>Sanders, Ja'Tavion</t>
  </si>
  <si>
    <t>Boutte, Kayshon</t>
  </si>
  <si>
    <t>Smith, Tykee</t>
  </si>
  <si>
    <t>Phillips, Andru</t>
  </si>
  <si>
    <t>Suamataia, Kingsley</t>
  </si>
  <si>
    <t>Bates, Jake</t>
  </si>
  <si>
    <t>Bortolini, Tanor</t>
  </si>
  <si>
    <t>Wilson, Emanuel</t>
  </si>
  <si>
    <t>Trotter Jr, Jeremiah</t>
  </si>
  <si>
    <t>Newton, Jer'Zhan</t>
  </si>
  <si>
    <t>Johnson, Theo</t>
  </si>
  <si>
    <t>Coker, Jalen</t>
  </si>
  <si>
    <t>Codrington, Brandon</t>
  </si>
  <si>
    <t>Legette, Xavier</t>
  </si>
  <si>
    <t>Bullard, Javon</t>
  </si>
  <si>
    <t>Melton, Max</t>
  </si>
  <si>
    <t>Brownlee Jr, Jarvis</t>
  </si>
  <si>
    <t>Orhorhoro, Ruke</t>
  </si>
  <si>
    <t>Franklin, Troy</t>
  </si>
  <si>
    <t>Newton, Josh</t>
  </si>
  <si>
    <t>Ojomo, Moro</t>
  </si>
  <si>
    <t>Guerendo, Isaac</t>
  </si>
  <si>
    <t>Tucker, Sean</t>
  </si>
  <si>
    <t>Barner, AJ</t>
  </si>
  <si>
    <t>Goncalves, Matt</t>
  </si>
  <si>
    <t>Surratt, Chazz</t>
  </si>
  <si>
    <t>Morgan, Jordan</t>
  </si>
  <si>
    <t>Davis, Isaiah</t>
  </si>
  <si>
    <t>McNichols, Jeremy</t>
  </si>
  <si>
    <t>Jones, Jarrian</t>
  </si>
  <si>
    <t>Wright, Jaylen</t>
  </si>
  <si>
    <t>Overshown, DeMarvion</t>
  </si>
  <si>
    <t>Kneeland, Marshawn</t>
  </si>
  <si>
    <t>Hall Jr, Michael</t>
  </si>
  <si>
    <t>Washington, Malik</t>
  </si>
  <si>
    <t>Dennis, SirVocea</t>
  </si>
  <si>
    <t>Hart, Cam</t>
  </si>
  <si>
    <t>Shipley, Will</t>
  </si>
  <si>
    <t>Bishop, Cole</t>
  </si>
  <si>
    <t>McMillan, Jalen</t>
  </si>
  <si>
    <t>Williams, Dee</t>
  </si>
  <si>
    <t>Redmond, Jalen</t>
  </si>
  <si>
    <t>Mustapha, Malik</t>
  </si>
  <si>
    <t>Vele, Devaughn</t>
  </si>
  <si>
    <t>Corum, Blake</t>
  </si>
  <si>
    <t>Duck, Storm</t>
  </si>
  <si>
    <t>Diabate, Mohamoud</t>
  </si>
  <si>
    <t>Reichard, Will</t>
  </si>
  <si>
    <t>Ryland, Chad</t>
  </si>
  <si>
    <t>Braswell, Chris</t>
  </si>
  <si>
    <t>Miller, Ventrell</t>
  </si>
  <si>
    <t>Stover, Cade</t>
  </si>
  <si>
    <t>Vorhees, Andrew</t>
  </si>
  <si>
    <t>Karty, Joshua</t>
  </si>
  <si>
    <t>Mitchell, Adonai</t>
  </si>
  <si>
    <t>Burton, Jermaine</t>
  </si>
  <si>
    <t>All, Erick</t>
  </si>
  <si>
    <t>Limmer, Beaux</t>
  </si>
  <si>
    <t>Gray, Cedric</t>
  </si>
  <si>
    <t>Liufau, Marist</t>
  </si>
  <si>
    <t>Reiman, Tip</t>
  </si>
  <si>
    <t>Baker Jr, Darrell</t>
  </si>
  <si>
    <t>Sundell, Jalen</t>
  </si>
  <si>
    <t>Smith, Maason</t>
  </si>
  <si>
    <t>Whittington, Jordan</t>
  </si>
  <si>
    <t>Jobe, Josh</t>
  </si>
  <si>
    <t>Jenkins Jr, Kris</t>
  </si>
  <si>
    <t>Brown, Mike</t>
  </si>
  <si>
    <t>Smith-Wade, Chau</t>
  </si>
  <si>
    <t>Rehkow, Ryan</t>
  </si>
  <si>
    <t>Goldman, Eddie</t>
  </si>
  <si>
    <t>Sinnott, Ben</t>
  </si>
  <si>
    <t>Blackwell, Josh</t>
  </si>
  <si>
    <t>Zinter, Zak</t>
  </si>
  <si>
    <t>Morris, Mike</t>
  </si>
  <si>
    <t>Estime, Audric</t>
  </si>
  <si>
    <t>Gould, Anthony</t>
  </si>
  <si>
    <t>Harrell, Jaylen</t>
  </si>
  <si>
    <t>Goodson, Tyler</t>
  </si>
  <si>
    <t>McCollough, Jaylen</t>
  </si>
  <si>
    <t>Christensen, Brady</t>
  </si>
  <si>
    <t>Hopper, Ty'Ron</t>
  </si>
  <si>
    <t>Anderson, Alec</t>
  </si>
  <si>
    <t>Muasau, Darius</t>
  </si>
  <si>
    <t>Fisher, Blake</t>
  </si>
  <si>
    <t>Luketa, Jesse</t>
  </si>
  <si>
    <t>Booker, Austin</t>
  </si>
  <si>
    <t>Forsyth, Alex</t>
  </si>
  <si>
    <t>Laulu, Jonah</t>
  </si>
  <si>
    <t>Bass, T.J.</t>
  </si>
  <si>
    <t>Gifford, Luke</t>
  </si>
  <si>
    <t>Isaac, Adisa</t>
  </si>
  <si>
    <t>Magee, Jordan</t>
  </si>
  <si>
    <t>Tillman, Dondrea</t>
  </si>
  <si>
    <t>Snowden, Charles</t>
  </si>
  <si>
    <t>Patterson, Jarrett</t>
  </si>
  <si>
    <t>Thomas, Xavier</t>
  </si>
  <si>
    <t>McCaffrey, Luke</t>
  </si>
  <si>
    <t>Remigio, Nikko</t>
  </si>
  <si>
    <t>Sims, Ben</t>
  </si>
  <si>
    <t>Culp, Devin</t>
  </si>
  <si>
    <t>Palczewski, Alex</t>
  </si>
  <si>
    <t>Jackson, McKinnley</t>
  </si>
  <si>
    <t>Garcia, Elijah</t>
  </si>
  <si>
    <t>Adkins, Nate</t>
  </si>
  <si>
    <t>Stuard, Grant</t>
  </si>
  <si>
    <t>Richardson, Decamerion</t>
  </si>
  <si>
    <t>Mosby, Arron</t>
  </si>
  <si>
    <t>Amegadjie, Kiran</t>
  </si>
  <si>
    <t>Bertrand, JD</t>
  </si>
  <si>
    <t>Pettis, Dante</t>
  </si>
  <si>
    <t>Long, Hunter</t>
  </si>
  <si>
    <t>Jerrell, Michael</t>
  </si>
  <si>
    <t>Jackson, Jha'Quan</t>
  </si>
  <si>
    <t>Colson, Junior</t>
  </si>
  <si>
    <t>Polk, Ja'Lynn</t>
  </si>
  <si>
    <t>Steele, Carson</t>
  </si>
  <si>
    <t>Eichenberg, Tommy</t>
  </si>
  <si>
    <t>Oruwariye, Amani</t>
  </si>
  <si>
    <t>Armour-Davis, Jalyn</t>
  </si>
  <si>
    <t>Robinson, Layden</t>
  </si>
  <si>
    <t>Araiza, Matt</t>
  </si>
  <si>
    <t>Niese, Michael</t>
  </si>
  <si>
    <t>Taylor, Tory</t>
  </si>
  <si>
    <t>Vidal, Kimani</t>
  </si>
  <si>
    <t>Jones, Christian</t>
  </si>
  <si>
    <t>Chatman, Elijah</t>
  </si>
  <si>
    <t>Bachie, Joe</t>
  </si>
  <si>
    <t>Johnson, Tyler</t>
  </si>
  <si>
    <t>Cowing, Jacob</t>
  </si>
  <si>
    <t>McKee, Tanner</t>
  </si>
  <si>
    <t>Smith, Xavier</t>
  </si>
  <si>
    <t>Williams, James</t>
  </si>
  <si>
    <t>Wallace, Caedan</t>
  </si>
  <si>
    <t>Waitman, Corliss</t>
  </si>
  <si>
    <t>Kamara, Sam</t>
  </si>
  <si>
    <t>Haynes, Christian</t>
  </si>
  <si>
    <t>Whelan, Daniel</t>
  </si>
  <si>
    <t>Laube, Dylan</t>
  </si>
  <si>
    <t>Jackson, Brennan</t>
  </si>
  <si>
    <t>Van Pran-Grange, Sedrick</t>
  </si>
  <si>
    <t>Davis, Tyler</t>
  </si>
  <si>
    <t>McIntosh, Kenny</t>
  </si>
  <si>
    <t>Abrams-Draine, Kris</t>
  </si>
  <si>
    <t>Bell, Quinton</t>
  </si>
  <si>
    <t>Hayball, Matthew</t>
  </si>
  <si>
    <t>Hutchinson, Xavier</t>
  </si>
  <si>
    <t>McCormick, Sincere</t>
  </si>
  <si>
    <t>Bell, Jaheim</t>
  </si>
  <si>
    <t>Lynch, James</t>
  </si>
  <si>
    <t>Andreessen, Joe</t>
  </si>
  <si>
    <t>Nourzad, Hunter</t>
  </si>
  <si>
    <t>Turner, Zeke</t>
  </si>
  <si>
    <t>Harris, Demone</t>
  </si>
  <si>
    <t>O'Donnell, Pat</t>
  </si>
  <si>
    <t>Brooks, Chris</t>
  </si>
  <si>
    <t>McGrone, Cameron</t>
  </si>
  <si>
    <t>Williams, Isaiah</t>
  </si>
  <si>
    <t>Cox Jr, Brenton</t>
  </si>
  <si>
    <t>Gaines, Jon</t>
  </si>
  <si>
    <t>Pritchett, Nehemiah</t>
  </si>
  <si>
    <t>Bailey, Levelle</t>
  </si>
  <si>
    <t>Stewart, M.J.</t>
  </si>
  <si>
    <t>Brown, Ben</t>
  </si>
  <si>
    <t>Kennedy, Tom</t>
  </si>
  <si>
    <t>McClellan, Jase</t>
  </si>
  <si>
    <t>Dedich, Justin</t>
  </si>
  <si>
    <t>Niemann, Ben</t>
  </si>
  <si>
    <t>Allen, Davis</t>
  </si>
  <si>
    <t>Saubert, Eric</t>
  </si>
  <si>
    <t>Trice Jr, Cory</t>
  </si>
  <si>
    <t>Booker IV, Thomas</t>
  </si>
  <si>
    <t>Mariota - Comp Pick</t>
  </si>
  <si>
    <t>Whiteheart, Blake</t>
  </si>
  <si>
    <t>Oladapo, Kitan</t>
  </si>
  <si>
    <t>Richardson, Demani</t>
  </si>
  <si>
    <t>Windmon, Jacoby</t>
  </si>
  <si>
    <t>Rivers, Ronnie</t>
  </si>
  <si>
    <t>Smith, Cam</t>
  </si>
  <si>
    <t>Bethune, Tatum</t>
  </si>
  <si>
    <t>Solomon, Javon</t>
  </si>
  <si>
    <t>Taylor, J.J.</t>
  </si>
  <si>
    <t>McMahon, Dylan</t>
  </si>
  <si>
    <t>Smith, Tremon</t>
  </si>
  <si>
    <t>PASS</t>
  </si>
  <si>
    <t>Eboigbe, Justin</t>
  </si>
  <si>
    <t>Carson, Caelen</t>
  </si>
  <si>
    <t>Mims, Jordan</t>
  </si>
  <si>
    <t>Johnson, Nazeeh</t>
  </si>
  <si>
    <t>Spann-Ford, Brevyn</t>
  </si>
  <si>
    <t>Fox, Tomon</t>
  </si>
  <si>
    <t>Collier, Chris</t>
  </si>
  <si>
    <t>Ballentine, Corey</t>
  </si>
  <si>
    <t>Nowaske, Trevor</t>
  </si>
  <si>
    <t>McKinley, Takkarist</t>
  </si>
  <si>
    <t>Davis, Kalia</t>
  </si>
  <si>
    <t>Dial, Marcellas</t>
  </si>
  <si>
    <t>Ulofoshio, Edefuan</t>
  </si>
  <si>
    <t>Pass</t>
  </si>
  <si>
    <t>Corley, Malachi</t>
  </si>
  <si>
    <t>N/A</t>
  </si>
  <si>
    <t>Odum, George</t>
  </si>
  <si>
    <t>Wingo, Mekhi</t>
  </si>
  <si>
    <t>Saldiveri, Nick</t>
  </si>
  <si>
    <t>McCray, Justin</t>
  </si>
  <si>
    <t>Jones, Naquan</t>
  </si>
  <si>
    <t>Vildor, Kindle</t>
  </si>
  <si>
    <t>Andrews, Josh</t>
  </si>
  <si>
    <t>Haskins, Hassan</t>
  </si>
  <si>
    <t>Miller, Ryan</t>
  </si>
  <si>
    <t>Powell, Brandon</t>
  </si>
  <si>
    <t>Crumedy, Jaden</t>
  </si>
  <si>
    <t>Hooker, Hendon</t>
  </si>
  <si>
    <t>Zylstra, Shane</t>
  </si>
  <si>
    <t>Trautman, Adam</t>
  </si>
  <si>
    <t>Pharms Jr, Jeremiah</t>
  </si>
  <si>
    <t>Steward, Reddy</t>
  </si>
  <si>
    <t>Pickens, Zacch</t>
  </si>
  <si>
    <t>Jean-Baptiste, Javontae</t>
  </si>
  <si>
    <t>Wilson, Jeff</t>
  </si>
  <si>
    <t>N / A</t>
  </si>
  <si>
    <t>Wright, Ryan</t>
  </si>
  <si>
    <t>Morstead, Thomas</t>
  </si>
  <si>
    <t>Winston, Jameis</t>
  </si>
  <si>
    <t>Haener, Jake</t>
  </si>
  <si>
    <t>Ogbongbemiga, Amen</t>
  </si>
  <si>
    <t>Olubi, Segun</t>
  </si>
  <si>
    <t>Klein, Elijah</t>
  </si>
  <si>
    <t>Cowart, Byron</t>
  </si>
  <si>
    <t>Feeney, Dan</t>
  </si>
  <si>
    <t>Sample, Drew</t>
  </si>
  <si>
    <t>Skinner, JL</t>
  </si>
  <si>
    <t>Brandel, Blake</t>
  </si>
  <si>
    <t>Mason, Shaq</t>
  </si>
  <si>
    <t>Williams, DeShawn</t>
  </si>
  <si>
    <t>Holmes, Jalyn</t>
  </si>
  <si>
    <t>Vannett, Nick</t>
  </si>
  <si>
    <t>Hurst, Hayden</t>
  </si>
  <si>
    <t>Turner, Payton</t>
  </si>
  <si>
    <t>Davis, Michael</t>
  </si>
  <si>
    <t>Muhammad, Al-Quadin</t>
  </si>
  <si>
    <t>Lee, Matt</t>
  </si>
  <si>
    <t>Jackson, Dane</t>
  </si>
  <si>
    <t>Gaye, Ali</t>
  </si>
  <si>
    <t>Hyde, Micah</t>
  </si>
  <si>
    <t>Okuayinonu, Sam</t>
  </si>
  <si>
    <t>Dimukeje, Victor</t>
  </si>
  <si>
    <t>Basham, Boogie</t>
  </si>
  <si>
    <t>Martin, Jake</t>
  </si>
  <si>
    <t>Green, Kendrick</t>
  </si>
  <si>
    <t>Togiai, Tommy</t>
  </si>
  <si>
    <t>Williams, Chris</t>
  </si>
  <si>
    <t>Heath, Malik</t>
  </si>
  <si>
    <t>Prentice, Adam</t>
  </si>
  <si>
    <t>Van Denmark, Ryan</t>
  </si>
  <si>
    <t>Elliott, Ezekiel</t>
  </si>
  <si>
    <t>Jackson, D'Marco</t>
  </si>
  <si>
    <t>Merriweather, Kaevon</t>
  </si>
  <si>
    <t>Gonzalez, Zan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-F800]dddd\,\ mmmm\ dd\,\ yyyy"/>
    <numFmt numFmtId="165" formatCode="[$-409]mmmm\ d\,\ yyyy;@"/>
  </numFmts>
  <fonts count="25" x14ac:knownFonts="1">
    <font>
      <sz val="10"/>
      <name val="Arial"/>
    </font>
    <font>
      <sz val="10"/>
      <name val="Arial"/>
      <family val="2"/>
    </font>
    <font>
      <b/>
      <u/>
      <sz val="16"/>
      <name val="Arial"/>
      <family val="2"/>
    </font>
    <font>
      <sz val="10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0"/>
      <name val="Arial"/>
      <family val="2"/>
    </font>
    <font>
      <b/>
      <sz val="10"/>
      <name val="Arial"/>
      <family val="2"/>
    </font>
    <font>
      <sz val="10"/>
      <name val="Arial"/>
      <family val="2"/>
      <charset val="1"/>
    </font>
    <font>
      <sz val="10"/>
      <name val="Verdana"/>
      <family val="2"/>
      <charset val="1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</fills>
  <borders count="10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</borders>
  <cellStyleXfs count="55">
    <xf numFmtId="0" fontId="0" fillId="0" borderId="0"/>
    <xf numFmtId="0" fontId="4" fillId="2" borderId="0" applyNumberFormat="0" applyBorder="0" applyAlignment="0" applyProtection="0"/>
    <xf numFmtId="0" fontId="4" fillId="3" borderId="0" applyNumberFormat="0" applyBorder="0" applyAlignment="0" applyProtection="0"/>
    <xf numFmtId="0" fontId="4" fillId="4" borderId="0" applyNumberFormat="0" applyBorder="0" applyAlignment="0" applyProtection="0"/>
    <xf numFmtId="0" fontId="4" fillId="5" borderId="0" applyNumberFormat="0" applyBorder="0" applyAlignment="0" applyProtection="0"/>
    <xf numFmtId="0" fontId="4" fillId="6" borderId="0" applyNumberFormat="0" applyBorder="0" applyAlignment="0" applyProtection="0"/>
    <xf numFmtId="0" fontId="4" fillId="7" borderId="0" applyNumberFormat="0" applyBorder="0" applyAlignment="0" applyProtection="0"/>
    <xf numFmtId="0" fontId="4" fillId="8" borderId="0" applyNumberFormat="0" applyBorder="0" applyAlignment="0" applyProtection="0"/>
    <xf numFmtId="0" fontId="4" fillId="9" borderId="0" applyNumberFormat="0" applyBorder="0" applyAlignment="0" applyProtection="0"/>
    <xf numFmtId="0" fontId="4" fillId="10" borderId="0" applyNumberFormat="0" applyBorder="0" applyAlignment="0" applyProtection="0"/>
    <xf numFmtId="0" fontId="4" fillId="5" borderId="0" applyNumberFormat="0" applyBorder="0" applyAlignment="0" applyProtection="0"/>
    <xf numFmtId="0" fontId="4" fillId="8" borderId="0" applyNumberFormat="0" applyBorder="0" applyAlignment="0" applyProtection="0"/>
    <xf numFmtId="0" fontId="4" fillId="11" borderId="0" applyNumberFormat="0" applyBorder="0" applyAlignment="0" applyProtection="0"/>
    <xf numFmtId="0" fontId="5" fillId="12" borderId="0" applyNumberFormat="0" applyBorder="0" applyAlignment="0" applyProtection="0"/>
    <xf numFmtId="0" fontId="5" fillId="9" borderId="0" applyNumberFormat="0" applyBorder="0" applyAlignment="0" applyProtection="0"/>
    <xf numFmtId="0" fontId="5" fillId="10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5" borderId="0" applyNumberFormat="0" applyBorder="0" applyAlignment="0" applyProtection="0"/>
    <xf numFmtId="0" fontId="5" fillId="16" borderId="0" applyNumberFormat="0" applyBorder="0" applyAlignment="0" applyProtection="0"/>
    <xf numFmtId="0" fontId="5" fillId="17" borderId="0" applyNumberFormat="0" applyBorder="0" applyAlignment="0" applyProtection="0"/>
    <xf numFmtId="0" fontId="5" fillId="18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9" borderId="0" applyNumberFormat="0" applyBorder="0" applyAlignment="0" applyProtection="0"/>
    <xf numFmtId="0" fontId="6" fillId="3" borderId="0" applyNumberFormat="0" applyBorder="0" applyAlignment="0" applyProtection="0"/>
    <xf numFmtId="0" fontId="7" fillId="20" borderId="1" applyNumberFormat="0" applyAlignment="0" applyProtection="0"/>
    <xf numFmtId="0" fontId="8" fillId="21" borderId="2" applyNumberFormat="0" applyAlignment="0" applyProtection="0"/>
    <xf numFmtId="0" fontId="9" fillId="0" borderId="0" applyNumberFormat="0" applyFill="0" applyBorder="0" applyAlignment="0" applyProtection="0"/>
    <xf numFmtId="0" fontId="10" fillId="4" borderId="0" applyNumberFormat="0" applyBorder="0" applyAlignment="0" applyProtection="0"/>
    <xf numFmtId="0" fontId="11" fillId="0" borderId="3" applyNumberFormat="0" applyFill="0" applyAlignment="0" applyProtection="0"/>
    <xf numFmtId="0" fontId="12" fillId="0" borderId="4" applyNumberFormat="0" applyFill="0" applyAlignment="0" applyProtection="0"/>
    <xf numFmtId="0" fontId="13" fillId="0" borderId="5" applyNumberFormat="0" applyFill="0" applyAlignment="0" applyProtection="0"/>
    <xf numFmtId="0" fontId="13" fillId="0" borderId="0" applyNumberFormat="0" applyFill="0" applyBorder="0" applyAlignment="0" applyProtection="0"/>
    <xf numFmtId="0" fontId="14" fillId="7" borderId="1" applyNumberFormat="0" applyAlignment="0" applyProtection="0"/>
    <xf numFmtId="0" fontId="15" fillId="0" borderId="6" applyNumberFormat="0" applyFill="0" applyAlignment="0" applyProtection="0"/>
    <xf numFmtId="0" fontId="16" fillId="22" borderId="0" applyNumberFormat="0" applyBorder="0" applyAlignment="0" applyProtection="0"/>
    <xf numFmtId="0" fontId="3" fillId="0" borderId="0"/>
    <xf numFmtId="0" fontId="3" fillId="0" borderId="0"/>
    <xf numFmtId="0" fontId="21" fillId="0" borderId="0"/>
    <xf numFmtId="0" fontId="3" fillId="0" borderId="0"/>
    <xf numFmtId="0" fontId="1" fillId="23" borderId="7" applyNumberFormat="0" applyFont="0" applyAlignment="0" applyProtection="0"/>
    <xf numFmtId="0" fontId="3" fillId="23" borderId="7" applyNumberFormat="0" applyFont="0" applyAlignment="0" applyProtection="0"/>
    <xf numFmtId="0" fontId="17" fillId="20" borderId="8" applyNumberFormat="0" applyAlignment="0" applyProtection="0"/>
    <xf numFmtId="0" fontId="18" fillId="0" borderId="0" applyNumberFormat="0" applyFill="0" applyBorder="0" applyAlignment="0" applyProtection="0"/>
    <xf numFmtId="0" fontId="19" fillId="0" borderId="9" applyNumberFormat="0" applyFill="0" applyAlignment="0" applyProtection="0"/>
    <xf numFmtId="0" fontId="20" fillId="0" borderId="0" applyNumberForma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23" borderId="7" applyNumberFormat="0" applyFont="0" applyAlignment="0" applyProtection="0"/>
    <xf numFmtId="0" fontId="1" fillId="0" borderId="0"/>
    <xf numFmtId="0" fontId="24" fillId="0" borderId="0"/>
  </cellStyleXfs>
  <cellXfs count="29">
    <xf numFmtId="0" fontId="0" fillId="0" borderId="0" xfId="0"/>
    <xf numFmtId="0" fontId="0" fillId="0" borderId="0" xfId="0" applyAlignment="1">
      <alignment horizontal="center"/>
    </xf>
    <xf numFmtId="0" fontId="2" fillId="0" borderId="0" xfId="0" applyFont="1" applyAlignment="1">
      <alignment horizontal="center"/>
    </xf>
    <xf numFmtId="0" fontId="3" fillId="0" borderId="0" xfId="0" applyFont="1"/>
    <xf numFmtId="0" fontId="0" fillId="0" borderId="0" xfId="0" applyAlignment="1">
      <alignment horizontal="left"/>
    </xf>
    <xf numFmtId="0" fontId="3" fillId="0" borderId="0" xfId="0" applyFont="1" applyAlignment="1">
      <alignment horizontal="left"/>
    </xf>
    <xf numFmtId="0" fontId="3" fillId="0" borderId="0" xfId="37"/>
    <xf numFmtId="49" fontId="3" fillId="0" borderId="0" xfId="0" applyNumberFormat="1" applyFont="1" applyAlignment="1">
      <alignment horizontal="center"/>
    </xf>
    <xf numFmtId="0" fontId="3" fillId="0" borderId="0" xfId="37" applyAlignment="1">
      <alignment horizontal="left"/>
    </xf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165" fontId="0" fillId="0" borderId="0" xfId="0" applyNumberFormat="1" applyAlignment="1">
      <alignment horizontal="center"/>
    </xf>
    <xf numFmtId="165" fontId="3" fillId="0" borderId="0" xfId="0" applyNumberFormat="1" applyFont="1"/>
    <xf numFmtId="164" fontId="3" fillId="0" borderId="0" xfId="0" applyNumberFormat="1" applyFont="1"/>
    <xf numFmtId="49" fontId="0" fillId="0" borderId="0" xfId="0" applyNumberFormat="1"/>
    <xf numFmtId="49" fontId="0" fillId="0" borderId="0" xfId="0" applyNumberFormat="1" applyAlignment="1">
      <alignment vertical="center"/>
    </xf>
    <xf numFmtId="49" fontId="3" fillId="0" borderId="0" xfId="0" applyNumberFormat="1" applyFont="1"/>
    <xf numFmtId="49" fontId="22" fillId="0" borderId="0" xfId="0" applyNumberFormat="1" applyFont="1"/>
    <xf numFmtId="0" fontId="1" fillId="0" borderId="0" xfId="0" applyFont="1"/>
    <xf numFmtId="49" fontId="1" fillId="0" borderId="0" xfId="0" applyNumberFormat="1" applyFont="1"/>
    <xf numFmtId="49" fontId="22" fillId="0" borderId="0" xfId="0" applyNumberFormat="1" applyFont="1" applyAlignment="1">
      <alignment horizontal="center"/>
    </xf>
    <xf numFmtId="0" fontId="1" fillId="0" borderId="0" xfId="53" applyAlignment="1">
      <alignment horizontal="left"/>
    </xf>
    <xf numFmtId="0" fontId="1" fillId="0" borderId="0" xfId="0" applyFont="1" applyAlignment="1">
      <alignment horizontal="left"/>
    </xf>
    <xf numFmtId="0" fontId="1" fillId="0" borderId="0" xfId="0" applyFont="1" applyAlignment="1">
      <alignment vertical="center"/>
    </xf>
    <xf numFmtId="165" fontId="0" fillId="0" borderId="0" xfId="0" applyNumberFormat="1" applyAlignment="1">
      <alignment horizontal="left"/>
    </xf>
    <xf numFmtId="0" fontId="1" fillId="0" borderId="0" xfId="37" applyFont="1"/>
    <xf numFmtId="0" fontId="1" fillId="0" borderId="0" xfId="53"/>
    <xf numFmtId="0" fontId="23" fillId="0" borderId="0" xfId="54" applyFont="1"/>
    <xf numFmtId="0" fontId="1" fillId="0" borderId="0" xfId="38" applyFont="1"/>
  </cellXfs>
  <cellStyles count="55">
    <cellStyle name="20% - Accent1" xfId="1" builtinId="30" customBuiltin="1"/>
    <cellStyle name="20% - Accent2" xfId="2" builtinId="34" customBuiltin="1"/>
    <cellStyle name="20% - Accent3" xfId="3" builtinId="38" customBuiltin="1"/>
    <cellStyle name="20% - Accent4" xfId="4" builtinId="42" customBuiltin="1"/>
    <cellStyle name="20% - Accent5" xfId="5" builtinId="46" customBuiltin="1"/>
    <cellStyle name="20% - Accent6" xfId="6" builtinId="50" customBuiltin="1"/>
    <cellStyle name="40% - Accent1" xfId="7" builtinId="31" customBuiltin="1"/>
    <cellStyle name="40% - Accent2" xfId="8" builtinId="35" customBuiltin="1"/>
    <cellStyle name="40% - Accent3" xfId="9" builtinId="39" customBuiltin="1"/>
    <cellStyle name="40% - Accent4" xfId="10" builtinId="43" customBuiltin="1"/>
    <cellStyle name="40% - Accent5" xfId="11" builtinId="47" customBuiltin="1"/>
    <cellStyle name="40% - Accent6" xfId="12" builtinId="51" customBuiltin="1"/>
    <cellStyle name="60% - Accent1" xfId="13" builtinId="32" customBuiltin="1"/>
    <cellStyle name="60% - Accent2" xfId="14" builtinId="36" customBuiltin="1"/>
    <cellStyle name="60% - Accent3" xfId="15" builtinId="40" customBuiltin="1"/>
    <cellStyle name="60% - Accent4" xfId="16" builtinId="44" customBuiltin="1"/>
    <cellStyle name="60% - Accent5" xfId="17" builtinId="48" customBuiltin="1"/>
    <cellStyle name="60% - Accent6" xfId="18" builtinId="52" customBuiltin="1"/>
    <cellStyle name="Accent1" xfId="19" builtinId="29" customBuiltin="1"/>
    <cellStyle name="Accent2" xfId="20" builtinId="33" customBuiltin="1"/>
    <cellStyle name="Accent3" xfId="21" builtinId="37" customBuiltin="1"/>
    <cellStyle name="Accent4" xfId="22" builtinId="41" customBuiltin="1"/>
    <cellStyle name="Accent5" xfId="23" builtinId="45" customBuiltin="1"/>
    <cellStyle name="Accent6" xfId="24" builtinId="49" customBuiltin="1"/>
    <cellStyle name="Bad" xfId="25" builtinId="27" customBuiltin="1"/>
    <cellStyle name="Calculation" xfId="26" builtinId="22" customBuiltin="1"/>
    <cellStyle name="Check Cell" xfId="27" builtinId="23" customBuiltin="1"/>
    <cellStyle name="Explanatory Text" xfId="28" builtinId="53" customBuiltin="1"/>
    <cellStyle name="Good" xfId="29" builtinId="26" customBuiltin="1"/>
    <cellStyle name="Heading 1" xfId="30" builtinId="16" customBuiltin="1"/>
    <cellStyle name="Heading 2" xfId="31" builtinId="17" customBuiltin="1"/>
    <cellStyle name="Heading 3" xfId="32" builtinId="18" customBuiltin="1"/>
    <cellStyle name="Heading 4" xfId="33" builtinId="19" customBuiltin="1"/>
    <cellStyle name="Input" xfId="34" builtinId="20" customBuiltin="1"/>
    <cellStyle name="Linked Cell" xfId="35" builtinId="24" customBuiltin="1"/>
    <cellStyle name="Neutral" xfId="36" builtinId="28" customBuiltin="1"/>
    <cellStyle name="Normal" xfId="0" builtinId="0"/>
    <cellStyle name="Normal 2" xfId="37" xr:uid="{00000000-0005-0000-0000-000025000000}"/>
    <cellStyle name="Normal 2 2" xfId="38" xr:uid="{00000000-0005-0000-0000-000026000000}"/>
    <cellStyle name="Normal 2 2 2" xfId="53" xr:uid="{41E0167D-9D85-4153-8D11-80389BC04797}"/>
    <cellStyle name="Normal 2 2 3" xfId="49" xr:uid="{0716E432-D918-4EE0-9BC8-47DCFD0535E4}"/>
    <cellStyle name="Normal 2 3" xfId="48" xr:uid="{06597627-EF1B-423E-9B2E-9798BA9A6CAA}"/>
    <cellStyle name="Normal 3" xfId="39" xr:uid="{00000000-0005-0000-0000-000027000000}"/>
    <cellStyle name="Normal 3 2" xfId="40" xr:uid="{00000000-0005-0000-0000-000028000000}"/>
    <cellStyle name="Normal 3 2 2" xfId="51" xr:uid="{20B55552-B3BF-463B-9AC0-BB3603C657BA}"/>
    <cellStyle name="Normal 3 3" xfId="50" xr:uid="{C3698FF4-F06C-4C0A-843E-93E0F5F38A4A}"/>
    <cellStyle name="Normal 4" xfId="47" xr:uid="{15A8AC97-7521-41EF-A9F2-390222977ADE}"/>
    <cellStyle name="Normal 5" xfId="54" xr:uid="{8001F830-FA3E-45A6-8CC5-1774C34F94E1}"/>
    <cellStyle name="Note" xfId="41" builtinId="10" customBuiltin="1"/>
    <cellStyle name="Note 2" xfId="42" xr:uid="{00000000-0005-0000-0000-00002A000000}"/>
    <cellStyle name="Note 2 2" xfId="52" xr:uid="{33E64FEE-3150-4CA7-8039-FC1BABF21784}"/>
    <cellStyle name="Output" xfId="43" builtinId="21" customBuiltin="1"/>
    <cellStyle name="Title" xfId="44" builtinId="15" customBuiltin="1"/>
    <cellStyle name="Total" xfId="45" builtinId="25" customBuiltin="1"/>
    <cellStyle name="Warning Text" xfId="46" builtinId="11" customBuiltin="1"/>
  </cellStyles>
  <dxfs count="523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T179"/>
  <sheetViews>
    <sheetView tabSelected="1" topLeftCell="E12" zoomScale="85" zoomScaleNormal="85" workbookViewId="0">
      <selection activeCell="J8" sqref="J8:J35"/>
    </sheetView>
  </sheetViews>
  <sheetFormatPr defaultRowHeight="12.75" x14ac:dyDescent="0.35"/>
  <cols>
    <col min="1" max="1" width="19.59765625" style="1" customWidth="1"/>
    <col min="2" max="3" width="5.73046875" customWidth="1"/>
    <col min="4" max="4" width="24" customWidth="1"/>
    <col min="5" max="5" width="17.265625" bestFit="1" customWidth="1"/>
    <col min="6" max="6" width="6.3984375" style="9" customWidth="1"/>
    <col min="7" max="7" width="7.1328125" customWidth="1"/>
    <col min="8" max="8" width="23.73046875" customWidth="1"/>
    <col min="9" max="9" width="17.265625" bestFit="1" customWidth="1"/>
    <col min="10" max="10" width="8" customWidth="1"/>
    <col min="11" max="11" width="5.73046875" customWidth="1"/>
    <col min="12" max="12" width="22.3984375" customWidth="1"/>
    <col min="13" max="13" width="21.3984375" customWidth="1"/>
    <col min="14" max="14" width="5.73046875" customWidth="1"/>
    <col min="15" max="15" width="8.1328125" customWidth="1"/>
    <col min="16" max="16" width="21.59765625" customWidth="1"/>
    <col min="17" max="17" width="17.265625" bestFit="1" customWidth="1"/>
    <col min="20" max="20" width="21.265625" customWidth="1"/>
  </cols>
  <sheetData>
    <row r="1" spans="1:20" x14ac:dyDescent="0.35">
      <c r="E1" s="4"/>
    </row>
    <row r="2" spans="1:20" ht="20.65" x14ac:dyDescent="0.6">
      <c r="A2" s="22" t="s">
        <v>133</v>
      </c>
      <c r="H2" s="2" t="s">
        <v>43</v>
      </c>
    </row>
    <row r="3" spans="1:20" x14ac:dyDescent="0.35">
      <c r="H3" s="7"/>
    </row>
    <row r="4" spans="1:20" ht="13.15" x14ac:dyDescent="0.4">
      <c r="B4" s="18"/>
      <c r="H4" s="20"/>
      <c r="M4" s="18"/>
      <c r="O4" s="18"/>
      <c r="Q4" s="18"/>
    </row>
    <row r="5" spans="1:20" x14ac:dyDescent="0.35">
      <c r="A5" s="22"/>
      <c r="E5" s="18"/>
      <c r="I5" s="18"/>
      <c r="J5" s="1"/>
    </row>
    <row r="6" spans="1:20" x14ac:dyDescent="0.35">
      <c r="A6" t="s">
        <v>0</v>
      </c>
      <c r="B6" s="12"/>
      <c r="D6" s="13"/>
      <c r="E6" s="9" t="s">
        <v>1</v>
      </c>
      <c r="I6" t="s">
        <v>2</v>
      </c>
      <c r="J6" s="1"/>
      <c r="M6" s="3" t="s">
        <v>25</v>
      </c>
      <c r="Q6" s="3" t="s">
        <v>26</v>
      </c>
    </row>
    <row r="7" spans="1:20" x14ac:dyDescent="0.35">
      <c r="A7" s="24">
        <v>45901</v>
      </c>
      <c r="B7" t="s">
        <v>13</v>
      </c>
      <c r="C7" t="s">
        <v>14</v>
      </c>
      <c r="E7" s="11">
        <f>$A$7+1</f>
        <v>45902</v>
      </c>
      <c r="F7" t="s">
        <v>13</v>
      </c>
      <c r="G7" t="s">
        <v>14</v>
      </c>
      <c r="I7" s="11">
        <f>$A$7 +2</f>
        <v>45903</v>
      </c>
      <c r="J7" s="3" t="s">
        <v>13</v>
      </c>
      <c r="K7" s="3" t="s">
        <v>14</v>
      </c>
      <c r="M7" s="24">
        <f>$A$7 +3</f>
        <v>45904</v>
      </c>
      <c r="N7" s="3" t="s">
        <v>13</v>
      </c>
      <c r="O7" s="3" t="s">
        <v>14</v>
      </c>
      <c r="Q7" s="11">
        <f>$A$7 +4</f>
        <v>45905</v>
      </c>
      <c r="R7" s="3" t="s">
        <v>13</v>
      </c>
      <c r="S7" s="3" t="s">
        <v>14</v>
      </c>
    </row>
    <row r="8" spans="1:20" x14ac:dyDescent="0.35">
      <c r="A8" s="21" t="s">
        <v>47</v>
      </c>
      <c r="B8" s="19" t="s">
        <v>46</v>
      </c>
      <c r="C8" s="18" t="s">
        <v>9</v>
      </c>
      <c r="D8" s="14" t="s">
        <v>134</v>
      </c>
      <c r="E8" s="21" t="s">
        <v>47</v>
      </c>
      <c r="F8" s="19" t="s">
        <v>7</v>
      </c>
      <c r="G8" s="3"/>
      <c r="H8" t="s">
        <v>162</v>
      </c>
      <c r="I8" s="21" t="s">
        <v>47</v>
      </c>
      <c r="J8" s="19" t="s">
        <v>46</v>
      </c>
      <c r="K8" s="3"/>
      <c r="L8" t="s">
        <v>190</v>
      </c>
      <c r="M8" s="21" t="s">
        <v>47</v>
      </c>
      <c r="N8" s="19" t="s">
        <v>7</v>
      </c>
      <c r="O8" s="18" t="s">
        <v>6</v>
      </c>
      <c r="P8" t="s">
        <v>218</v>
      </c>
      <c r="Q8" s="21" t="s">
        <v>47</v>
      </c>
      <c r="R8" s="19" t="s">
        <v>46</v>
      </c>
      <c r="S8" s="3"/>
      <c r="T8" t="s">
        <v>246</v>
      </c>
    </row>
    <row r="9" spans="1:20" x14ac:dyDescent="0.35">
      <c r="A9" s="21" t="s">
        <v>48</v>
      </c>
      <c r="B9" s="19" t="s">
        <v>7</v>
      </c>
      <c r="C9" s="3"/>
      <c r="D9" s="14" t="s">
        <v>135</v>
      </c>
      <c r="E9" s="21" t="s">
        <v>48</v>
      </c>
      <c r="F9" s="19" t="s">
        <v>46</v>
      </c>
      <c r="G9" s="18"/>
      <c r="H9" t="s">
        <v>163</v>
      </c>
      <c r="I9" s="21" t="s">
        <v>48</v>
      </c>
      <c r="J9" s="19" t="s">
        <v>7</v>
      </c>
      <c r="K9" s="18" t="s">
        <v>34</v>
      </c>
      <c r="L9" t="s">
        <v>191</v>
      </c>
      <c r="M9" s="21" t="s">
        <v>48</v>
      </c>
      <c r="N9" s="19" t="s">
        <v>46</v>
      </c>
      <c r="O9" s="18"/>
      <c r="P9" t="s">
        <v>219</v>
      </c>
      <c r="Q9" s="21" t="s">
        <v>48</v>
      </c>
      <c r="R9" s="19" t="s">
        <v>7</v>
      </c>
      <c r="S9" s="18" t="s">
        <v>4</v>
      </c>
      <c r="T9" t="s">
        <v>247</v>
      </c>
    </row>
    <row r="10" spans="1:20" x14ac:dyDescent="0.35">
      <c r="A10" s="21" t="s">
        <v>49</v>
      </c>
      <c r="B10" s="19" t="s">
        <v>21</v>
      </c>
      <c r="C10" s="18" t="s">
        <v>4</v>
      </c>
      <c r="D10" s="14" t="s">
        <v>136</v>
      </c>
      <c r="E10" s="21" t="s">
        <v>49</v>
      </c>
      <c r="F10" s="19" t="s">
        <v>9</v>
      </c>
      <c r="G10" s="3"/>
      <c r="H10" t="s">
        <v>164</v>
      </c>
      <c r="I10" s="21" t="s">
        <v>49</v>
      </c>
      <c r="J10" s="19" t="s">
        <v>21</v>
      </c>
      <c r="K10" s="18" t="s">
        <v>132</v>
      </c>
      <c r="L10" t="s">
        <v>192</v>
      </c>
      <c r="M10" s="21" t="s">
        <v>49</v>
      </c>
      <c r="N10" s="19" t="s">
        <v>9</v>
      </c>
      <c r="O10" s="18" t="s">
        <v>46</v>
      </c>
      <c r="P10" t="s">
        <v>220</v>
      </c>
      <c r="Q10" s="21" t="s">
        <v>49</v>
      </c>
      <c r="R10" s="19" t="s">
        <v>21</v>
      </c>
      <c r="S10" s="3"/>
      <c r="T10" t="s">
        <v>248</v>
      </c>
    </row>
    <row r="11" spans="1:20" x14ac:dyDescent="0.35">
      <c r="A11" s="21" t="s">
        <v>50</v>
      </c>
      <c r="B11" s="19" t="s">
        <v>9</v>
      </c>
      <c r="C11" s="18" t="s">
        <v>11</v>
      </c>
      <c r="D11" s="19" t="s">
        <v>137</v>
      </c>
      <c r="E11" s="21" t="s">
        <v>50</v>
      </c>
      <c r="F11" s="19" t="s">
        <v>21</v>
      </c>
      <c r="G11" s="18" t="s">
        <v>4</v>
      </c>
      <c r="H11" t="s">
        <v>165</v>
      </c>
      <c r="I11" s="21" t="s">
        <v>50</v>
      </c>
      <c r="J11" s="19" t="s">
        <v>9</v>
      </c>
      <c r="K11" s="18" t="s">
        <v>46</v>
      </c>
      <c r="L11" t="s">
        <v>193</v>
      </c>
      <c r="M11" s="21" t="s">
        <v>50</v>
      </c>
      <c r="N11" s="19" t="s">
        <v>21</v>
      </c>
      <c r="O11" s="18" t="s">
        <v>6</v>
      </c>
      <c r="P11" t="s">
        <v>221</v>
      </c>
      <c r="Q11" s="21" t="s">
        <v>50</v>
      </c>
      <c r="R11" s="19" t="s">
        <v>9</v>
      </c>
      <c r="S11" s="3"/>
      <c r="T11" t="s">
        <v>249</v>
      </c>
    </row>
    <row r="12" spans="1:20" x14ac:dyDescent="0.35">
      <c r="A12" s="21" t="s">
        <v>51</v>
      </c>
      <c r="B12" s="19" t="s">
        <v>15</v>
      </c>
      <c r="C12" s="3"/>
      <c r="D12" s="14" t="s">
        <v>138</v>
      </c>
      <c r="E12" s="21" t="s">
        <v>51</v>
      </c>
      <c r="F12" s="19" t="s">
        <v>15</v>
      </c>
      <c r="G12" s="14"/>
      <c r="H12" t="s">
        <v>166</v>
      </c>
      <c r="I12" s="21" t="s">
        <v>51</v>
      </c>
      <c r="J12" s="19" t="s">
        <v>15</v>
      </c>
      <c r="K12" s="14"/>
      <c r="L12" t="s">
        <v>194</v>
      </c>
      <c r="M12" s="21" t="s">
        <v>51</v>
      </c>
      <c r="N12" s="19" t="s">
        <v>15</v>
      </c>
      <c r="O12" s="19" t="s">
        <v>9</v>
      </c>
      <c r="P12" t="s">
        <v>222</v>
      </c>
      <c r="Q12" s="21" t="s">
        <v>51</v>
      </c>
      <c r="R12" s="19" t="s">
        <v>15</v>
      </c>
      <c r="S12" s="18"/>
      <c r="T12" t="s">
        <v>250</v>
      </c>
    </row>
    <row r="13" spans="1:20" x14ac:dyDescent="0.35">
      <c r="A13" s="21" t="s">
        <v>52</v>
      </c>
      <c r="B13" s="19" t="s">
        <v>38</v>
      </c>
      <c r="C13" s="3"/>
      <c r="D13" s="14" t="s">
        <v>139</v>
      </c>
      <c r="E13" s="21" t="s">
        <v>52</v>
      </c>
      <c r="F13" s="19" t="s">
        <v>45</v>
      </c>
      <c r="G13" s="3"/>
      <c r="H13" t="s">
        <v>167</v>
      </c>
      <c r="I13" s="21" t="s">
        <v>52</v>
      </c>
      <c r="J13" s="19" t="s">
        <v>38</v>
      </c>
      <c r="K13" s="18" t="s">
        <v>34</v>
      </c>
      <c r="L13" t="s">
        <v>195</v>
      </c>
      <c r="M13" s="21" t="s">
        <v>52</v>
      </c>
      <c r="N13" s="19" t="s">
        <v>45</v>
      </c>
      <c r="O13" s="3"/>
      <c r="P13" t="s">
        <v>223</v>
      </c>
      <c r="Q13" s="21" t="s">
        <v>52</v>
      </c>
      <c r="R13" s="19" t="s">
        <v>38</v>
      </c>
      <c r="S13" s="3"/>
      <c r="T13" t="s">
        <v>251</v>
      </c>
    </row>
    <row r="14" spans="1:20" x14ac:dyDescent="0.35">
      <c r="A14" s="21" t="s">
        <v>53</v>
      </c>
      <c r="B14" s="19" t="s">
        <v>45</v>
      </c>
      <c r="C14" s="18"/>
      <c r="D14" s="14" t="s">
        <v>140</v>
      </c>
      <c r="E14" s="21" t="s">
        <v>53</v>
      </c>
      <c r="F14" s="19" t="s">
        <v>38</v>
      </c>
      <c r="G14" s="3"/>
      <c r="H14" t="s">
        <v>168</v>
      </c>
      <c r="I14" s="21" t="s">
        <v>53</v>
      </c>
      <c r="J14" s="19" t="s">
        <v>45</v>
      </c>
      <c r="K14" s="18" t="s">
        <v>18</v>
      </c>
      <c r="L14" t="s">
        <v>196</v>
      </c>
      <c r="M14" s="21" t="s">
        <v>53</v>
      </c>
      <c r="N14" s="19" t="s">
        <v>38</v>
      </c>
      <c r="O14" s="18"/>
      <c r="P14" t="s">
        <v>224</v>
      </c>
      <c r="Q14" s="21" t="s">
        <v>53</v>
      </c>
      <c r="R14" s="19" t="s">
        <v>45</v>
      </c>
      <c r="S14" s="18"/>
      <c r="T14" t="s">
        <v>252</v>
      </c>
    </row>
    <row r="15" spans="1:20" x14ac:dyDescent="0.35">
      <c r="A15" s="21" t="s">
        <v>54</v>
      </c>
      <c r="B15" s="19" t="s">
        <v>4</v>
      </c>
      <c r="C15" s="19" t="s">
        <v>21</v>
      </c>
      <c r="D15" s="14" t="s">
        <v>141</v>
      </c>
      <c r="E15" s="21" t="s">
        <v>54</v>
      </c>
      <c r="F15" s="19" t="s">
        <v>10</v>
      </c>
      <c r="G15" s="19" t="s">
        <v>6</v>
      </c>
      <c r="H15" t="s">
        <v>169</v>
      </c>
      <c r="I15" s="21" t="s">
        <v>54</v>
      </c>
      <c r="J15" s="19" t="s">
        <v>4</v>
      </c>
      <c r="K15" s="19" t="s">
        <v>6</v>
      </c>
      <c r="L15" t="s">
        <v>197</v>
      </c>
      <c r="M15" s="21" t="s">
        <v>54</v>
      </c>
      <c r="N15" s="19" t="s">
        <v>10</v>
      </c>
      <c r="O15" s="18"/>
      <c r="P15" t="s">
        <v>230</v>
      </c>
      <c r="Q15" s="21" t="s">
        <v>54</v>
      </c>
      <c r="R15" s="19" t="s">
        <v>4</v>
      </c>
      <c r="S15" s="18"/>
      <c r="T15" t="s">
        <v>253</v>
      </c>
    </row>
    <row r="16" spans="1:20" x14ac:dyDescent="0.35">
      <c r="A16" s="21" t="s">
        <v>55</v>
      </c>
      <c r="B16" s="19" t="s">
        <v>41</v>
      </c>
      <c r="C16" s="14"/>
      <c r="D16" s="14" t="s">
        <v>142</v>
      </c>
      <c r="E16" s="21" t="s">
        <v>55</v>
      </c>
      <c r="F16" s="19" t="s">
        <v>24</v>
      </c>
      <c r="G16" s="19"/>
      <c r="H16" t="s">
        <v>170</v>
      </c>
      <c r="I16" s="21" t="s">
        <v>55</v>
      </c>
      <c r="J16" s="19" t="s">
        <v>41</v>
      </c>
      <c r="K16" s="19" t="s">
        <v>7</v>
      </c>
      <c r="L16" t="s">
        <v>198</v>
      </c>
      <c r="M16" s="21" t="s">
        <v>55</v>
      </c>
      <c r="N16" s="19" t="s">
        <v>24</v>
      </c>
      <c r="O16" s="18"/>
      <c r="P16" t="s">
        <v>225</v>
      </c>
      <c r="Q16" s="21" t="s">
        <v>55</v>
      </c>
      <c r="R16" s="19" t="s">
        <v>41</v>
      </c>
      <c r="S16" s="18" t="s">
        <v>9</v>
      </c>
      <c r="T16" t="s">
        <v>254</v>
      </c>
    </row>
    <row r="17" spans="1:20" x14ac:dyDescent="0.35">
      <c r="A17" s="21" t="s">
        <v>56</v>
      </c>
      <c r="B17" s="19" t="s">
        <v>24</v>
      </c>
      <c r="C17" s="3"/>
      <c r="D17" t="s">
        <v>143</v>
      </c>
      <c r="E17" s="21" t="s">
        <v>56</v>
      </c>
      <c r="F17" s="19" t="s">
        <v>41</v>
      </c>
      <c r="G17" s="14" t="s">
        <v>9</v>
      </c>
      <c r="H17" t="s">
        <v>171</v>
      </c>
      <c r="I17" s="21" t="s">
        <v>56</v>
      </c>
      <c r="J17" s="19" t="s">
        <v>24</v>
      </c>
      <c r="K17" s="3"/>
      <c r="L17" t="s">
        <v>199</v>
      </c>
      <c r="M17" s="21" t="s">
        <v>56</v>
      </c>
      <c r="N17" s="19" t="s">
        <v>41</v>
      </c>
      <c r="O17" s="18"/>
      <c r="P17" t="s">
        <v>226</v>
      </c>
      <c r="Q17" s="21" t="s">
        <v>56</v>
      </c>
      <c r="R17" s="19" t="s">
        <v>24</v>
      </c>
      <c r="S17" s="3"/>
      <c r="T17" t="s">
        <v>255</v>
      </c>
    </row>
    <row r="18" spans="1:20" x14ac:dyDescent="0.35">
      <c r="A18" s="21" t="s">
        <v>57</v>
      </c>
      <c r="B18" s="19" t="s">
        <v>10</v>
      </c>
      <c r="C18" s="3"/>
      <c r="D18" t="s">
        <v>144</v>
      </c>
      <c r="E18" s="21" t="s">
        <v>57</v>
      </c>
      <c r="F18" s="19" t="s">
        <v>4</v>
      </c>
      <c r="G18" s="18" t="s">
        <v>42</v>
      </c>
      <c r="H18" t="s">
        <v>172</v>
      </c>
      <c r="I18" s="21" t="s">
        <v>57</v>
      </c>
      <c r="J18" s="19" t="s">
        <v>10</v>
      </c>
      <c r="K18" s="18" t="s">
        <v>5</v>
      </c>
      <c r="L18" t="s">
        <v>200</v>
      </c>
      <c r="M18" s="21" t="s">
        <v>57</v>
      </c>
      <c r="N18" s="19" t="s">
        <v>4</v>
      </c>
      <c r="O18" s="18" t="s">
        <v>23</v>
      </c>
      <c r="P18" t="s">
        <v>227</v>
      </c>
      <c r="Q18" s="21" t="s">
        <v>57</v>
      </c>
      <c r="R18" s="19" t="s">
        <v>10</v>
      </c>
      <c r="S18" s="18" t="s">
        <v>34</v>
      </c>
      <c r="T18" t="s">
        <v>256</v>
      </c>
    </row>
    <row r="19" spans="1:20" x14ac:dyDescent="0.35">
      <c r="A19" s="21" t="s">
        <v>58</v>
      </c>
      <c r="B19" s="19" t="s">
        <v>16</v>
      </c>
      <c r="C19" s="18"/>
      <c r="D19" t="s">
        <v>145</v>
      </c>
      <c r="E19" s="21" t="s">
        <v>58</v>
      </c>
      <c r="F19" s="19" t="s">
        <v>8</v>
      </c>
      <c r="G19" s="18"/>
      <c r="H19" t="s">
        <v>173</v>
      </c>
      <c r="I19" s="21" t="s">
        <v>58</v>
      </c>
      <c r="J19" s="19" t="s">
        <v>16</v>
      </c>
      <c r="K19" s="3"/>
      <c r="L19" t="s">
        <v>202</v>
      </c>
      <c r="M19" s="21" t="s">
        <v>58</v>
      </c>
      <c r="N19" s="19" t="s">
        <v>8</v>
      </c>
      <c r="O19" s="18"/>
      <c r="P19" t="s">
        <v>228</v>
      </c>
      <c r="Q19" s="21" t="s">
        <v>58</v>
      </c>
      <c r="R19" s="19" t="s">
        <v>16</v>
      </c>
      <c r="S19" s="3"/>
      <c r="T19" t="s">
        <v>257</v>
      </c>
    </row>
    <row r="20" spans="1:20" x14ac:dyDescent="0.35">
      <c r="A20" s="21" t="s">
        <v>59</v>
      </c>
      <c r="B20" s="19" t="s">
        <v>18</v>
      </c>
      <c r="C20" s="18" t="s">
        <v>46</v>
      </c>
      <c r="D20" t="s">
        <v>146</v>
      </c>
      <c r="E20" s="21" t="s">
        <v>59</v>
      </c>
      <c r="F20" s="19" t="s">
        <v>23</v>
      </c>
      <c r="G20" s="3"/>
      <c r="H20" t="s">
        <v>174</v>
      </c>
      <c r="I20" s="21" t="s">
        <v>59</v>
      </c>
      <c r="J20" s="19" t="s">
        <v>18</v>
      </c>
      <c r="K20" s="18" t="s">
        <v>9</v>
      </c>
      <c r="L20" t="s">
        <v>201</v>
      </c>
      <c r="M20" s="21" t="s">
        <v>59</v>
      </c>
      <c r="N20" s="19" t="s">
        <v>23</v>
      </c>
      <c r="O20" s="18"/>
      <c r="P20" t="s">
        <v>229</v>
      </c>
      <c r="Q20" s="21" t="s">
        <v>59</v>
      </c>
      <c r="R20" s="19" t="s">
        <v>18</v>
      </c>
      <c r="S20" s="18" t="s">
        <v>12</v>
      </c>
      <c r="T20" t="s">
        <v>258</v>
      </c>
    </row>
    <row r="21" spans="1:20" x14ac:dyDescent="0.35">
      <c r="A21" s="21" t="s">
        <v>60</v>
      </c>
      <c r="B21" s="19" t="s">
        <v>20</v>
      </c>
      <c r="C21" s="3"/>
      <c r="D21" t="s">
        <v>147</v>
      </c>
      <c r="E21" s="21" t="s">
        <v>60</v>
      </c>
      <c r="F21" s="19" t="s">
        <v>44</v>
      </c>
      <c r="G21" s="18" t="s">
        <v>8</v>
      </c>
      <c r="H21" t="s">
        <v>175</v>
      </c>
      <c r="I21" s="21" t="s">
        <v>60</v>
      </c>
      <c r="J21" s="19" t="s">
        <v>20</v>
      </c>
      <c r="K21" s="3"/>
      <c r="L21" t="s">
        <v>203</v>
      </c>
      <c r="M21" s="21" t="s">
        <v>60</v>
      </c>
      <c r="N21" s="19" t="s">
        <v>44</v>
      </c>
      <c r="O21" s="3"/>
      <c r="P21" t="s">
        <v>231</v>
      </c>
      <c r="Q21" s="21" t="s">
        <v>60</v>
      </c>
      <c r="R21" s="19" t="s">
        <v>20</v>
      </c>
      <c r="S21" s="3"/>
      <c r="T21" t="s">
        <v>259</v>
      </c>
    </row>
    <row r="22" spans="1:20" x14ac:dyDescent="0.35">
      <c r="A22" s="21" t="s">
        <v>61</v>
      </c>
      <c r="B22" s="19" t="s">
        <v>44</v>
      </c>
      <c r="C22" s="3"/>
      <c r="D22" t="s">
        <v>148</v>
      </c>
      <c r="E22" s="21" t="s">
        <v>61</v>
      </c>
      <c r="F22" s="19" t="s">
        <v>20</v>
      </c>
      <c r="G22" s="3"/>
      <c r="H22" t="s">
        <v>176</v>
      </c>
      <c r="I22" s="21" t="s">
        <v>61</v>
      </c>
      <c r="J22" s="19" t="s">
        <v>44</v>
      </c>
      <c r="K22" s="18" t="s">
        <v>41</v>
      </c>
      <c r="L22" t="s">
        <v>204</v>
      </c>
      <c r="M22" s="21" t="s">
        <v>61</v>
      </c>
      <c r="N22" s="19" t="s">
        <v>20</v>
      </c>
      <c r="O22" s="3"/>
      <c r="P22" t="s">
        <v>232</v>
      </c>
      <c r="Q22" s="21" t="s">
        <v>61</v>
      </c>
      <c r="R22" s="19" t="s">
        <v>44</v>
      </c>
      <c r="S22" s="3"/>
      <c r="T22" t="s">
        <v>260</v>
      </c>
    </row>
    <row r="23" spans="1:20" x14ac:dyDescent="0.35">
      <c r="A23" s="21" t="s">
        <v>62</v>
      </c>
      <c r="B23" s="19" t="s">
        <v>23</v>
      </c>
      <c r="C23" s="14"/>
      <c r="D23" t="s">
        <v>149</v>
      </c>
      <c r="E23" s="21" t="s">
        <v>62</v>
      </c>
      <c r="F23" s="19" t="s">
        <v>18</v>
      </c>
      <c r="G23" s="19" t="s">
        <v>20</v>
      </c>
      <c r="H23" t="s">
        <v>177</v>
      </c>
      <c r="I23" s="21" t="s">
        <v>62</v>
      </c>
      <c r="J23" s="19" t="s">
        <v>23</v>
      </c>
      <c r="K23" s="19" t="s">
        <v>45</v>
      </c>
      <c r="L23" t="s">
        <v>205</v>
      </c>
      <c r="M23" s="21" t="s">
        <v>62</v>
      </c>
      <c r="N23" s="19" t="s">
        <v>18</v>
      </c>
      <c r="O23" s="18"/>
      <c r="P23" t="s">
        <v>233</v>
      </c>
      <c r="Q23" s="21" t="s">
        <v>62</v>
      </c>
      <c r="R23" s="19" t="s">
        <v>23</v>
      </c>
      <c r="S23" s="18"/>
      <c r="T23" t="s">
        <v>261</v>
      </c>
    </row>
    <row r="24" spans="1:20" x14ac:dyDescent="0.35">
      <c r="A24" s="21" t="s">
        <v>63</v>
      </c>
      <c r="B24" s="19" t="s">
        <v>8</v>
      </c>
      <c r="C24" s="3"/>
      <c r="D24" t="s">
        <v>150</v>
      </c>
      <c r="E24" s="21" t="s">
        <v>63</v>
      </c>
      <c r="F24" s="19" t="s">
        <v>16</v>
      </c>
      <c r="G24" s="18"/>
      <c r="H24" t="s">
        <v>178</v>
      </c>
      <c r="I24" s="21" t="s">
        <v>63</v>
      </c>
      <c r="J24" s="19" t="s">
        <v>8</v>
      </c>
      <c r="K24" s="18" t="s">
        <v>4</v>
      </c>
      <c r="L24" t="s">
        <v>206</v>
      </c>
      <c r="M24" s="21" t="s">
        <v>63</v>
      </c>
      <c r="N24" s="19" t="s">
        <v>16</v>
      </c>
      <c r="O24" s="18"/>
      <c r="P24" t="s">
        <v>234</v>
      </c>
      <c r="Q24" s="21" t="s">
        <v>63</v>
      </c>
      <c r="R24" s="19" t="s">
        <v>8</v>
      </c>
      <c r="S24" s="18"/>
      <c r="T24" t="s">
        <v>263</v>
      </c>
    </row>
    <row r="25" spans="1:20" x14ac:dyDescent="0.35">
      <c r="A25" s="21" t="s">
        <v>64</v>
      </c>
      <c r="B25" s="19" t="s">
        <v>34</v>
      </c>
      <c r="C25" s="18" t="s">
        <v>7</v>
      </c>
      <c r="D25" t="s">
        <v>151</v>
      </c>
      <c r="E25" s="21" t="s">
        <v>64</v>
      </c>
      <c r="F25" s="19" t="s">
        <v>132</v>
      </c>
      <c r="G25" s="18"/>
      <c r="H25" t="s">
        <v>179</v>
      </c>
      <c r="I25" s="21" t="s">
        <v>64</v>
      </c>
      <c r="J25" s="19" t="s">
        <v>34</v>
      </c>
      <c r="K25" s="18" t="s">
        <v>38</v>
      </c>
      <c r="L25" t="s">
        <v>207</v>
      </c>
      <c r="M25" s="21" t="s">
        <v>64</v>
      </c>
      <c r="N25" s="19" t="s">
        <v>132</v>
      </c>
      <c r="O25" s="18" t="s">
        <v>40</v>
      </c>
      <c r="P25" t="s">
        <v>235</v>
      </c>
      <c r="Q25" s="21" t="s">
        <v>64</v>
      </c>
      <c r="R25" s="19" t="s">
        <v>34</v>
      </c>
      <c r="S25" s="18"/>
      <c r="T25" t="s">
        <v>264</v>
      </c>
    </row>
    <row r="26" spans="1:20" x14ac:dyDescent="0.35">
      <c r="A26" s="21" t="s">
        <v>65</v>
      </c>
      <c r="B26" s="19" t="s">
        <v>132</v>
      </c>
      <c r="C26" s="3"/>
      <c r="D26" t="s">
        <v>152</v>
      </c>
      <c r="E26" s="21" t="s">
        <v>65</v>
      </c>
      <c r="F26" s="19" t="s">
        <v>34</v>
      </c>
      <c r="G26" s="18" t="s">
        <v>42</v>
      </c>
      <c r="H26" t="s">
        <v>180</v>
      </c>
      <c r="I26" s="21" t="s">
        <v>65</v>
      </c>
      <c r="J26" s="19" t="s">
        <v>132</v>
      </c>
      <c r="K26" s="3"/>
      <c r="L26" t="s">
        <v>208</v>
      </c>
      <c r="M26" s="21" t="s">
        <v>65</v>
      </c>
      <c r="N26" s="19" t="s">
        <v>34</v>
      </c>
      <c r="O26" s="18" t="s">
        <v>21</v>
      </c>
      <c r="P26" t="s">
        <v>236</v>
      </c>
      <c r="Q26" s="21" t="s">
        <v>65</v>
      </c>
      <c r="R26" s="19" t="s">
        <v>132</v>
      </c>
      <c r="S26" s="18" t="s">
        <v>8</v>
      </c>
      <c r="T26" t="s">
        <v>262</v>
      </c>
    </row>
    <row r="27" spans="1:20" x14ac:dyDescent="0.35">
      <c r="A27" s="21" t="s">
        <v>66</v>
      </c>
      <c r="B27" s="19" t="s">
        <v>5</v>
      </c>
      <c r="C27" s="18" t="s">
        <v>4</v>
      </c>
      <c r="D27" t="s">
        <v>153</v>
      </c>
      <c r="E27" s="21" t="s">
        <v>66</v>
      </c>
      <c r="F27" s="19" t="s">
        <v>5</v>
      </c>
      <c r="G27" s="18" t="s">
        <v>15</v>
      </c>
      <c r="H27" t="s">
        <v>181</v>
      </c>
      <c r="I27" s="21" t="s">
        <v>66</v>
      </c>
      <c r="J27" s="19" t="s">
        <v>5</v>
      </c>
      <c r="K27" s="18" t="s">
        <v>4</v>
      </c>
      <c r="L27" t="s">
        <v>209</v>
      </c>
      <c r="M27" s="21" t="s">
        <v>66</v>
      </c>
      <c r="N27" s="19" t="s">
        <v>5</v>
      </c>
      <c r="O27" s="18" t="s">
        <v>42</v>
      </c>
      <c r="P27" t="s">
        <v>237</v>
      </c>
      <c r="Q27" s="21" t="s">
        <v>66</v>
      </c>
      <c r="R27" s="19" t="s">
        <v>5</v>
      </c>
      <c r="S27" s="18" t="s">
        <v>41</v>
      </c>
      <c r="T27" t="s">
        <v>265</v>
      </c>
    </row>
    <row r="28" spans="1:20" x14ac:dyDescent="0.35">
      <c r="A28" s="21" t="s">
        <v>67</v>
      </c>
      <c r="B28" s="19" t="s">
        <v>11</v>
      </c>
      <c r="C28" s="3"/>
      <c r="D28" t="s">
        <v>154</v>
      </c>
      <c r="E28" s="21" t="s">
        <v>67</v>
      </c>
      <c r="F28" s="19" t="s">
        <v>11</v>
      </c>
      <c r="G28" s="3"/>
      <c r="H28" t="s">
        <v>182</v>
      </c>
      <c r="I28" s="21" t="s">
        <v>67</v>
      </c>
      <c r="J28" s="19" t="s">
        <v>11</v>
      </c>
      <c r="K28" s="18"/>
      <c r="L28" t="s">
        <v>210</v>
      </c>
      <c r="M28" s="21" t="s">
        <v>67</v>
      </c>
      <c r="N28" s="19" t="s">
        <v>11</v>
      </c>
      <c r="O28" s="3"/>
      <c r="P28" t="s">
        <v>238</v>
      </c>
      <c r="Q28" s="21" t="s">
        <v>67</v>
      </c>
      <c r="R28" s="19" t="s">
        <v>11</v>
      </c>
      <c r="S28" s="3"/>
      <c r="T28" t="s">
        <v>266</v>
      </c>
    </row>
    <row r="29" spans="1:20" x14ac:dyDescent="0.35">
      <c r="A29" s="21" t="s">
        <v>68</v>
      </c>
      <c r="B29" s="19" t="s">
        <v>6</v>
      </c>
      <c r="C29" s="18" t="s">
        <v>4</v>
      </c>
      <c r="D29" t="s">
        <v>155</v>
      </c>
      <c r="E29" s="21" t="s">
        <v>68</v>
      </c>
      <c r="F29" s="19" t="s">
        <v>6</v>
      </c>
      <c r="G29" s="18" t="s">
        <v>19</v>
      </c>
      <c r="H29" t="s">
        <v>183</v>
      </c>
      <c r="I29" s="21" t="s">
        <v>68</v>
      </c>
      <c r="J29" s="19" t="s">
        <v>6</v>
      </c>
      <c r="K29" s="18" t="s">
        <v>7</v>
      </c>
      <c r="L29" t="s">
        <v>211</v>
      </c>
      <c r="M29" s="21" t="s">
        <v>68</v>
      </c>
      <c r="N29" s="19" t="s">
        <v>6</v>
      </c>
      <c r="O29" s="18"/>
      <c r="P29" t="s">
        <v>239</v>
      </c>
      <c r="Q29" s="21" t="s">
        <v>68</v>
      </c>
      <c r="R29" s="19" t="s">
        <v>6</v>
      </c>
      <c r="S29" s="18" t="s">
        <v>10</v>
      </c>
      <c r="T29" t="s">
        <v>267</v>
      </c>
    </row>
    <row r="30" spans="1:20" x14ac:dyDescent="0.35">
      <c r="A30" s="21" t="s">
        <v>69</v>
      </c>
      <c r="B30" s="19" t="s">
        <v>40</v>
      </c>
      <c r="C30" s="3"/>
      <c r="D30" t="s">
        <v>156</v>
      </c>
      <c r="E30" s="21" t="s">
        <v>69</v>
      </c>
      <c r="F30" s="19" t="s">
        <v>19</v>
      </c>
      <c r="G30" s="3"/>
      <c r="H30" t="s">
        <v>184</v>
      </c>
      <c r="I30" s="21" t="s">
        <v>69</v>
      </c>
      <c r="J30" s="19" t="s">
        <v>40</v>
      </c>
      <c r="K30" s="18" t="s">
        <v>16</v>
      </c>
      <c r="L30" t="s">
        <v>212</v>
      </c>
      <c r="M30" s="21" t="s">
        <v>69</v>
      </c>
      <c r="N30" s="19" t="s">
        <v>19</v>
      </c>
      <c r="O30" s="18" t="s">
        <v>11</v>
      </c>
      <c r="P30" t="s">
        <v>240</v>
      </c>
      <c r="Q30" s="21" t="s">
        <v>69</v>
      </c>
      <c r="R30" s="19" t="s">
        <v>40</v>
      </c>
      <c r="S30" s="18"/>
      <c r="T30" t="s">
        <v>268</v>
      </c>
    </row>
    <row r="31" spans="1:20" x14ac:dyDescent="0.35">
      <c r="A31" s="21" t="s">
        <v>70</v>
      </c>
      <c r="B31" s="19" t="s">
        <v>19</v>
      </c>
      <c r="C31" s="19"/>
      <c r="D31" t="s">
        <v>157</v>
      </c>
      <c r="E31" s="21" t="s">
        <v>70</v>
      </c>
      <c r="F31" s="19" t="s">
        <v>40</v>
      </c>
      <c r="G31" s="3"/>
      <c r="H31" t="s">
        <v>185</v>
      </c>
      <c r="I31" s="21" t="s">
        <v>70</v>
      </c>
      <c r="J31" s="19" t="s">
        <v>19</v>
      </c>
      <c r="K31" s="18"/>
      <c r="L31" t="s">
        <v>213</v>
      </c>
      <c r="M31" s="21" t="s">
        <v>70</v>
      </c>
      <c r="N31" s="19" t="s">
        <v>40</v>
      </c>
      <c r="O31" s="18" t="s">
        <v>7</v>
      </c>
      <c r="P31" t="s">
        <v>241</v>
      </c>
      <c r="Q31" s="21" t="s">
        <v>70</v>
      </c>
      <c r="R31" s="19" t="s">
        <v>19</v>
      </c>
      <c r="S31" s="18" t="s">
        <v>24</v>
      </c>
      <c r="T31" t="s">
        <v>269</v>
      </c>
    </row>
    <row r="32" spans="1:20" x14ac:dyDescent="0.35">
      <c r="A32" s="21" t="s">
        <v>71</v>
      </c>
      <c r="B32" s="19" t="s">
        <v>12</v>
      </c>
      <c r="C32" s="19" t="s">
        <v>46</v>
      </c>
      <c r="D32" t="s">
        <v>159</v>
      </c>
      <c r="E32" s="21" t="s">
        <v>71</v>
      </c>
      <c r="F32" s="19" t="s">
        <v>12</v>
      </c>
      <c r="G32" s="14"/>
      <c r="H32" t="s">
        <v>186</v>
      </c>
      <c r="I32" s="21" t="s">
        <v>71</v>
      </c>
      <c r="J32" s="19" t="s">
        <v>12</v>
      </c>
      <c r="K32" s="3"/>
      <c r="L32" t="s">
        <v>214</v>
      </c>
      <c r="M32" s="21" t="s">
        <v>71</v>
      </c>
      <c r="N32" s="19" t="s">
        <v>12</v>
      </c>
      <c r="O32" s="18" t="s">
        <v>9</v>
      </c>
      <c r="P32" t="s">
        <v>242</v>
      </c>
      <c r="Q32" s="21" t="s">
        <v>71</v>
      </c>
      <c r="R32" s="19" t="s">
        <v>12</v>
      </c>
      <c r="S32" s="18" t="s">
        <v>9</v>
      </c>
      <c r="T32" t="s">
        <v>270</v>
      </c>
    </row>
    <row r="33" spans="1:20" x14ac:dyDescent="0.35">
      <c r="A33" s="21" t="s">
        <v>72</v>
      </c>
      <c r="B33" s="19" t="s">
        <v>131</v>
      </c>
      <c r="C33" s="18" t="s">
        <v>7</v>
      </c>
      <c r="D33" t="s">
        <v>158</v>
      </c>
      <c r="E33" s="21" t="s">
        <v>72</v>
      </c>
      <c r="F33" s="19" t="s">
        <v>131</v>
      </c>
      <c r="G33" s="19" t="s">
        <v>7</v>
      </c>
      <c r="H33" t="s">
        <v>187</v>
      </c>
      <c r="I33" s="21" t="s">
        <v>72</v>
      </c>
      <c r="J33" s="19" t="s">
        <v>131</v>
      </c>
      <c r="K33" s="3"/>
      <c r="L33" t="s">
        <v>215</v>
      </c>
      <c r="M33" s="21" t="s">
        <v>72</v>
      </c>
      <c r="N33" s="19" t="s">
        <v>131</v>
      </c>
      <c r="O33" s="18" t="s">
        <v>7</v>
      </c>
      <c r="P33" t="s">
        <v>245</v>
      </c>
      <c r="Q33" s="21" t="s">
        <v>72</v>
      </c>
      <c r="R33" s="19" t="s">
        <v>131</v>
      </c>
      <c r="S33" s="18" t="s">
        <v>45</v>
      </c>
      <c r="T33" t="s">
        <v>271</v>
      </c>
    </row>
    <row r="34" spans="1:20" x14ac:dyDescent="0.35">
      <c r="A34" s="21" t="s">
        <v>73</v>
      </c>
      <c r="B34" s="19" t="s">
        <v>22</v>
      </c>
      <c r="C34" s="18"/>
      <c r="D34" t="s">
        <v>160</v>
      </c>
      <c r="E34" s="21" t="s">
        <v>73</v>
      </c>
      <c r="F34" s="19" t="s">
        <v>22</v>
      </c>
      <c r="G34" s="3"/>
      <c r="H34" t="s">
        <v>189</v>
      </c>
      <c r="I34" s="21" t="s">
        <v>73</v>
      </c>
      <c r="J34" s="19" t="s">
        <v>22</v>
      </c>
      <c r="K34" s="18"/>
      <c r="L34" t="s">
        <v>217</v>
      </c>
      <c r="M34" s="21" t="s">
        <v>73</v>
      </c>
      <c r="N34" s="19" t="s">
        <v>22</v>
      </c>
      <c r="O34" s="3"/>
      <c r="P34" t="s">
        <v>243</v>
      </c>
      <c r="Q34" s="21" t="s">
        <v>73</v>
      </c>
      <c r="R34" s="19" t="s">
        <v>22</v>
      </c>
      <c r="S34" s="18"/>
      <c r="T34" t="s">
        <v>272</v>
      </c>
    </row>
    <row r="35" spans="1:20" x14ac:dyDescent="0.35">
      <c r="A35" s="21" t="s">
        <v>74</v>
      </c>
      <c r="B35" s="19" t="s">
        <v>42</v>
      </c>
      <c r="C35" s="14"/>
      <c r="D35" t="s">
        <v>161</v>
      </c>
      <c r="E35" s="21" t="s">
        <v>74</v>
      </c>
      <c r="F35" s="19" t="s">
        <v>42</v>
      </c>
      <c r="G35" s="3"/>
      <c r="H35" t="s">
        <v>188</v>
      </c>
      <c r="I35" s="21" t="s">
        <v>74</v>
      </c>
      <c r="J35" s="19" t="s">
        <v>42</v>
      </c>
      <c r="K35" s="18" t="s">
        <v>45</v>
      </c>
      <c r="L35" t="s">
        <v>216</v>
      </c>
      <c r="M35" s="21" t="s">
        <v>74</v>
      </c>
      <c r="N35" s="19" t="s">
        <v>42</v>
      </c>
      <c r="O35" s="3"/>
      <c r="P35" t="s">
        <v>244</v>
      </c>
      <c r="Q35" s="21" t="s">
        <v>74</v>
      </c>
      <c r="R35" s="19" t="s">
        <v>42</v>
      </c>
      <c r="S35" s="3"/>
      <c r="T35" t="s">
        <v>273</v>
      </c>
    </row>
    <row r="36" spans="1:20" x14ac:dyDescent="0.35">
      <c r="A36" s="4"/>
      <c r="H36" s="3"/>
    </row>
    <row r="37" spans="1:20" x14ac:dyDescent="0.35">
      <c r="A37" s="4"/>
      <c r="B37" s="19"/>
      <c r="F37" s="23"/>
      <c r="I37" s="21"/>
      <c r="M37" s="21"/>
      <c r="Q37" s="21"/>
    </row>
    <row r="38" spans="1:20" x14ac:dyDescent="0.35">
      <c r="B38" s="3" t="s">
        <v>17</v>
      </c>
      <c r="E38" s="10" t="s">
        <v>3</v>
      </c>
      <c r="F38" s="10"/>
      <c r="I38" s="18" t="s">
        <v>27</v>
      </c>
      <c r="J38" s="1"/>
      <c r="M38" s="3" t="s">
        <v>28</v>
      </c>
      <c r="Q38" s="3" t="s">
        <v>29</v>
      </c>
    </row>
    <row r="39" spans="1:20" x14ac:dyDescent="0.35">
      <c r="A39" s="11">
        <f>$A$7 +5</f>
        <v>45906</v>
      </c>
      <c r="B39" t="s">
        <v>13</v>
      </c>
      <c r="C39" t="s">
        <v>14</v>
      </c>
      <c r="E39" s="11">
        <f>$A$7 +5</f>
        <v>45906</v>
      </c>
      <c r="F39" t="s">
        <v>13</v>
      </c>
      <c r="G39" t="s">
        <v>14</v>
      </c>
      <c r="I39" s="11">
        <f>$A$7 +6</f>
        <v>45907</v>
      </c>
      <c r="J39" s="3" t="s">
        <v>13</v>
      </c>
      <c r="K39" s="3" t="s">
        <v>14</v>
      </c>
      <c r="M39" s="11">
        <f>$A$7 +6</f>
        <v>45907</v>
      </c>
      <c r="N39" s="3" t="s">
        <v>13</v>
      </c>
      <c r="O39" s="3" t="s">
        <v>14</v>
      </c>
      <c r="Q39" s="11">
        <f>$A$7 +7</f>
        <v>45908</v>
      </c>
      <c r="R39" s="3" t="s">
        <v>13</v>
      </c>
      <c r="S39" s="3" t="s">
        <v>14</v>
      </c>
    </row>
    <row r="40" spans="1:20" x14ac:dyDescent="0.35">
      <c r="A40" s="21" t="s">
        <v>75</v>
      </c>
      <c r="B40" s="19" t="s">
        <v>7</v>
      </c>
      <c r="C40" s="18"/>
      <c r="D40" t="s">
        <v>274</v>
      </c>
      <c r="E40" s="21" t="s">
        <v>103</v>
      </c>
      <c r="F40" s="19" t="s">
        <v>46</v>
      </c>
      <c r="G40" s="3"/>
      <c r="H40" t="s">
        <v>301</v>
      </c>
      <c r="I40" s="21" t="s">
        <v>75</v>
      </c>
      <c r="J40" s="19" t="s">
        <v>7</v>
      </c>
      <c r="K40" s="3"/>
      <c r="L40" t="s">
        <v>362</v>
      </c>
      <c r="M40" s="21" t="s">
        <v>103</v>
      </c>
      <c r="N40" s="19" t="s">
        <v>46</v>
      </c>
      <c r="O40" s="3"/>
      <c r="P40" t="s">
        <v>350</v>
      </c>
      <c r="Q40" s="21" t="s">
        <v>47</v>
      </c>
      <c r="R40" s="19" t="s">
        <v>7</v>
      </c>
      <c r="S40" s="18"/>
      <c r="T40" t="s">
        <v>384</v>
      </c>
    </row>
    <row r="41" spans="1:20" x14ac:dyDescent="0.35">
      <c r="A41" s="21" t="s">
        <v>76</v>
      </c>
      <c r="B41" s="19" t="s">
        <v>46</v>
      </c>
      <c r="C41" s="18" t="s">
        <v>19</v>
      </c>
      <c r="D41" t="s">
        <v>275</v>
      </c>
      <c r="E41" s="21" t="s">
        <v>104</v>
      </c>
      <c r="F41" s="19" t="s">
        <v>7</v>
      </c>
      <c r="G41" s="18" t="s">
        <v>6</v>
      </c>
      <c r="H41" t="s">
        <v>298</v>
      </c>
      <c r="I41" s="21" t="s">
        <v>76</v>
      </c>
      <c r="J41" s="19" t="s">
        <v>46</v>
      </c>
      <c r="K41" s="3"/>
      <c r="L41" t="s">
        <v>328</v>
      </c>
      <c r="M41" s="21" t="s">
        <v>104</v>
      </c>
      <c r="N41" s="19" t="s">
        <v>7</v>
      </c>
      <c r="O41" s="3"/>
      <c r="P41" t="s">
        <v>365</v>
      </c>
      <c r="Q41" s="21" t="s">
        <v>48</v>
      </c>
      <c r="R41" s="19" t="s">
        <v>46</v>
      </c>
      <c r="S41" s="3"/>
      <c r="T41" t="s">
        <v>386</v>
      </c>
    </row>
    <row r="42" spans="1:20" x14ac:dyDescent="0.35">
      <c r="A42" s="21" t="s">
        <v>77</v>
      </c>
      <c r="B42" s="19" t="s">
        <v>9</v>
      </c>
      <c r="C42" s="3"/>
      <c r="D42" t="s">
        <v>276</v>
      </c>
      <c r="E42" s="21" t="s">
        <v>105</v>
      </c>
      <c r="F42" s="19" t="s">
        <v>21</v>
      </c>
      <c r="G42" s="3"/>
      <c r="H42" t="s">
        <v>299</v>
      </c>
      <c r="I42" s="21" t="s">
        <v>77</v>
      </c>
      <c r="J42" s="19" t="s">
        <v>9</v>
      </c>
      <c r="K42" s="18" t="s">
        <v>42</v>
      </c>
      <c r="L42" t="s">
        <v>334</v>
      </c>
      <c r="M42" s="21" t="s">
        <v>105</v>
      </c>
      <c r="N42" s="19" t="s">
        <v>21</v>
      </c>
      <c r="O42" s="3"/>
      <c r="P42" t="s">
        <v>367</v>
      </c>
      <c r="Q42" s="21" t="s">
        <v>49</v>
      </c>
      <c r="R42" s="19" t="s">
        <v>9</v>
      </c>
      <c r="S42" s="18" t="s">
        <v>42</v>
      </c>
      <c r="T42" t="s">
        <v>405</v>
      </c>
    </row>
    <row r="43" spans="1:20" x14ac:dyDescent="0.35">
      <c r="A43" s="21" t="s">
        <v>78</v>
      </c>
      <c r="B43" s="19" t="s">
        <v>21</v>
      </c>
      <c r="C43" s="3"/>
      <c r="D43" t="s">
        <v>277</v>
      </c>
      <c r="E43" s="21" t="s">
        <v>106</v>
      </c>
      <c r="F43" s="19" t="s">
        <v>9</v>
      </c>
      <c r="G43" s="18" t="s">
        <v>15</v>
      </c>
      <c r="H43" t="s">
        <v>303</v>
      </c>
      <c r="I43" s="21" t="s">
        <v>78</v>
      </c>
      <c r="J43" s="19" t="s">
        <v>21</v>
      </c>
      <c r="K43" s="18" t="s">
        <v>6</v>
      </c>
      <c r="L43" t="s">
        <v>341</v>
      </c>
      <c r="M43" s="21" t="s">
        <v>106</v>
      </c>
      <c r="N43" s="19" t="s">
        <v>9</v>
      </c>
      <c r="O43" s="18" t="s">
        <v>42</v>
      </c>
      <c r="P43" t="s">
        <v>356</v>
      </c>
      <c r="Q43" s="21" t="s">
        <v>50</v>
      </c>
      <c r="R43" s="19" t="s">
        <v>21</v>
      </c>
      <c r="S43" s="18"/>
      <c r="T43" s="25" t="s">
        <v>392</v>
      </c>
    </row>
    <row r="44" spans="1:20" x14ac:dyDescent="0.35">
      <c r="A44" s="21" t="s">
        <v>79</v>
      </c>
      <c r="B44" s="19" t="s">
        <v>15</v>
      </c>
      <c r="C44" s="18"/>
      <c r="D44" t="s">
        <v>278</v>
      </c>
      <c r="E44" s="21" t="s">
        <v>107</v>
      </c>
      <c r="F44" s="19" t="s">
        <v>15</v>
      </c>
      <c r="G44" s="18" t="s">
        <v>19</v>
      </c>
      <c r="H44" t="s">
        <v>302</v>
      </c>
      <c r="I44" s="21" t="s">
        <v>79</v>
      </c>
      <c r="J44" s="19" t="s">
        <v>15</v>
      </c>
      <c r="K44" s="18"/>
      <c r="L44" t="s">
        <v>333</v>
      </c>
      <c r="M44" s="21" t="s">
        <v>107</v>
      </c>
      <c r="N44" s="19" t="s">
        <v>15</v>
      </c>
      <c r="O44" s="18"/>
      <c r="P44" t="s">
        <v>351</v>
      </c>
      <c r="Q44" s="21" t="s">
        <v>51</v>
      </c>
      <c r="R44" s="19" t="s">
        <v>15</v>
      </c>
      <c r="S44" s="18"/>
      <c r="T44" s="25" t="s">
        <v>392</v>
      </c>
    </row>
    <row r="45" spans="1:20" x14ac:dyDescent="0.35">
      <c r="A45" s="21" t="s">
        <v>80</v>
      </c>
      <c r="B45" s="19" t="s">
        <v>45</v>
      </c>
      <c r="C45" s="3"/>
      <c r="D45" t="s">
        <v>279</v>
      </c>
      <c r="E45" s="21" t="s">
        <v>108</v>
      </c>
      <c r="F45" s="19" t="s">
        <v>38</v>
      </c>
      <c r="G45" s="3"/>
      <c r="H45" t="s">
        <v>300</v>
      </c>
      <c r="I45" s="21" t="s">
        <v>80</v>
      </c>
      <c r="J45" s="19" t="s">
        <v>45</v>
      </c>
      <c r="K45" s="18" t="s">
        <v>131</v>
      </c>
      <c r="L45" t="s">
        <v>342</v>
      </c>
      <c r="M45" s="21" t="s">
        <v>108</v>
      </c>
      <c r="N45" s="19" t="s">
        <v>38</v>
      </c>
      <c r="O45" s="3"/>
      <c r="P45" t="s">
        <v>352</v>
      </c>
      <c r="Q45" s="21" t="s">
        <v>52</v>
      </c>
      <c r="R45" s="19" t="s">
        <v>45</v>
      </c>
      <c r="S45" s="18" t="s">
        <v>4</v>
      </c>
      <c r="T45" t="s">
        <v>389</v>
      </c>
    </row>
    <row r="46" spans="1:20" x14ac:dyDescent="0.35">
      <c r="A46" s="21" t="s">
        <v>81</v>
      </c>
      <c r="B46" s="19" t="s">
        <v>38</v>
      </c>
      <c r="C46" s="18"/>
      <c r="D46" t="s">
        <v>280</v>
      </c>
      <c r="E46" s="21" t="s">
        <v>109</v>
      </c>
      <c r="F46" s="19" t="s">
        <v>45</v>
      </c>
      <c r="G46" s="18"/>
      <c r="H46" t="s">
        <v>304</v>
      </c>
      <c r="I46" s="21" t="s">
        <v>81</v>
      </c>
      <c r="J46" s="19" t="s">
        <v>38</v>
      </c>
      <c r="K46" s="3"/>
      <c r="L46" t="s">
        <v>329</v>
      </c>
      <c r="M46" s="21" t="s">
        <v>109</v>
      </c>
      <c r="N46" s="19" t="s">
        <v>45</v>
      </c>
      <c r="O46" s="18" t="s">
        <v>16</v>
      </c>
      <c r="P46" t="s">
        <v>357</v>
      </c>
      <c r="Q46" s="21" t="s">
        <v>53</v>
      </c>
      <c r="R46" s="19" t="s">
        <v>38</v>
      </c>
      <c r="S46" s="3"/>
      <c r="T46" t="s">
        <v>391</v>
      </c>
    </row>
    <row r="47" spans="1:20" x14ac:dyDescent="0.35">
      <c r="A47" s="21" t="s">
        <v>82</v>
      </c>
      <c r="B47" s="19" t="s">
        <v>10</v>
      </c>
      <c r="C47" s="3"/>
      <c r="D47" t="s">
        <v>281</v>
      </c>
      <c r="E47" s="21" t="s">
        <v>110</v>
      </c>
      <c r="F47" s="19" t="s">
        <v>4</v>
      </c>
      <c r="G47" s="18"/>
      <c r="H47" t="s">
        <v>306</v>
      </c>
      <c r="I47" s="21" t="s">
        <v>82</v>
      </c>
      <c r="J47" s="19" t="s">
        <v>10</v>
      </c>
      <c r="K47" s="3"/>
      <c r="L47" t="s">
        <v>331</v>
      </c>
      <c r="M47" s="21" t="s">
        <v>110</v>
      </c>
      <c r="N47" s="19" t="s">
        <v>4</v>
      </c>
      <c r="O47" s="3"/>
      <c r="P47" t="s">
        <v>353</v>
      </c>
      <c r="Q47" s="21" t="s">
        <v>54</v>
      </c>
      <c r="R47" s="19" t="s">
        <v>10</v>
      </c>
      <c r="S47" s="3"/>
      <c r="T47" t="s">
        <v>388</v>
      </c>
    </row>
    <row r="48" spans="1:20" x14ac:dyDescent="0.35">
      <c r="A48" s="21" t="s">
        <v>83</v>
      </c>
      <c r="B48" s="19" t="s">
        <v>24</v>
      </c>
      <c r="C48" s="3"/>
      <c r="D48" t="s">
        <v>283</v>
      </c>
      <c r="E48" s="21" t="s">
        <v>111</v>
      </c>
      <c r="F48" s="19" t="s">
        <v>41</v>
      </c>
      <c r="G48" s="18"/>
      <c r="H48" t="s">
        <v>307</v>
      </c>
      <c r="I48" s="21" t="s">
        <v>83</v>
      </c>
      <c r="J48" s="19" t="s">
        <v>24</v>
      </c>
      <c r="K48" s="18"/>
      <c r="L48" t="s">
        <v>330</v>
      </c>
      <c r="M48" s="21" t="s">
        <v>111</v>
      </c>
      <c r="N48" s="19" t="s">
        <v>41</v>
      </c>
      <c r="O48" s="18"/>
      <c r="P48" t="s">
        <v>354</v>
      </c>
      <c r="Q48" s="21" t="s">
        <v>55</v>
      </c>
      <c r="R48" s="19" t="s">
        <v>24</v>
      </c>
      <c r="S48" s="3"/>
      <c r="T48" t="s">
        <v>387</v>
      </c>
    </row>
    <row r="49" spans="1:20" x14ac:dyDescent="0.35">
      <c r="A49" s="21" t="s">
        <v>84</v>
      </c>
      <c r="B49" s="19" t="s">
        <v>41</v>
      </c>
      <c r="C49" s="3"/>
      <c r="D49" t="s">
        <v>282</v>
      </c>
      <c r="E49" s="21" t="s">
        <v>112</v>
      </c>
      <c r="F49" s="19" t="s">
        <v>24</v>
      </c>
      <c r="G49" s="3"/>
      <c r="H49" t="s">
        <v>308</v>
      </c>
      <c r="I49" s="21" t="s">
        <v>84</v>
      </c>
      <c r="J49" s="19" t="s">
        <v>41</v>
      </c>
      <c r="K49" s="18" t="s">
        <v>8</v>
      </c>
      <c r="L49" t="s">
        <v>332</v>
      </c>
      <c r="M49" s="21" t="s">
        <v>112</v>
      </c>
      <c r="N49" s="19" t="s">
        <v>24</v>
      </c>
      <c r="O49" s="3"/>
      <c r="P49" t="s">
        <v>355</v>
      </c>
      <c r="Q49" s="21" t="s">
        <v>56</v>
      </c>
      <c r="R49" s="19" t="s">
        <v>41</v>
      </c>
      <c r="S49" s="3"/>
      <c r="T49" s="25" t="s">
        <v>392</v>
      </c>
    </row>
    <row r="50" spans="1:20" x14ac:dyDescent="0.35">
      <c r="A50" s="21" t="s">
        <v>85</v>
      </c>
      <c r="B50" s="19" t="s">
        <v>4</v>
      </c>
      <c r="C50" s="18"/>
      <c r="D50" t="s">
        <v>309</v>
      </c>
      <c r="E50" s="21" t="s">
        <v>113</v>
      </c>
      <c r="F50" s="19" t="s">
        <v>10</v>
      </c>
      <c r="G50" s="18" t="s">
        <v>18</v>
      </c>
      <c r="H50" t="s">
        <v>305</v>
      </c>
      <c r="I50" s="21" t="s">
        <v>85</v>
      </c>
      <c r="J50" s="19" t="s">
        <v>4</v>
      </c>
      <c r="K50" s="18"/>
      <c r="L50" t="s">
        <v>340</v>
      </c>
      <c r="M50" s="21" t="s">
        <v>113</v>
      </c>
      <c r="N50" s="19" t="s">
        <v>10</v>
      </c>
      <c r="O50" s="18" t="s">
        <v>4</v>
      </c>
      <c r="P50" t="s">
        <v>358</v>
      </c>
      <c r="Q50" s="21" t="s">
        <v>57</v>
      </c>
      <c r="R50" s="19" t="s">
        <v>4</v>
      </c>
      <c r="S50" s="18"/>
      <c r="T50" t="s">
        <v>390</v>
      </c>
    </row>
    <row r="51" spans="1:20" x14ac:dyDescent="0.35">
      <c r="A51" s="21" t="s">
        <v>86</v>
      </c>
      <c r="B51" s="19" t="s">
        <v>8</v>
      </c>
      <c r="C51" s="3"/>
      <c r="D51" t="s">
        <v>284</v>
      </c>
      <c r="E51" s="21" t="s">
        <v>114</v>
      </c>
      <c r="F51" s="19" t="s">
        <v>16</v>
      </c>
      <c r="G51" s="18"/>
      <c r="H51" t="s">
        <v>314</v>
      </c>
      <c r="I51" s="21" t="s">
        <v>86</v>
      </c>
      <c r="J51" s="19" t="s">
        <v>8</v>
      </c>
      <c r="K51" s="3"/>
      <c r="L51" t="s">
        <v>338</v>
      </c>
      <c r="M51" s="21" t="s">
        <v>114</v>
      </c>
      <c r="N51" s="19" t="s">
        <v>16</v>
      </c>
      <c r="O51" s="3"/>
      <c r="P51" t="s">
        <v>369</v>
      </c>
      <c r="Q51" s="21" t="s">
        <v>58</v>
      </c>
      <c r="R51" s="19" t="s">
        <v>8</v>
      </c>
      <c r="S51" s="3"/>
      <c r="T51" t="s">
        <v>394</v>
      </c>
    </row>
    <row r="52" spans="1:20" x14ac:dyDescent="0.35">
      <c r="A52" s="21" t="s">
        <v>87</v>
      </c>
      <c r="B52" s="19" t="s">
        <v>23</v>
      </c>
      <c r="C52" s="18"/>
      <c r="D52" t="s">
        <v>285</v>
      </c>
      <c r="E52" s="21" t="s">
        <v>115</v>
      </c>
      <c r="F52" s="19" t="s">
        <v>18</v>
      </c>
      <c r="G52" s="18"/>
      <c r="H52" t="s">
        <v>310</v>
      </c>
      <c r="I52" s="21" t="s">
        <v>87</v>
      </c>
      <c r="J52" s="19" t="s">
        <v>23</v>
      </c>
      <c r="K52" s="3"/>
      <c r="L52" s="25" t="s">
        <v>392</v>
      </c>
      <c r="M52" s="21" t="s">
        <v>115</v>
      </c>
      <c r="N52" s="19" t="s">
        <v>18</v>
      </c>
      <c r="O52" s="18" t="s">
        <v>15</v>
      </c>
      <c r="P52" t="s">
        <v>364</v>
      </c>
      <c r="Q52" s="21" t="s">
        <v>59</v>
      </c>
      <c r="R52" s="19" t="s">
        <v>23</v>
      </c>
      <c r="S52" s="3"/>
      <c r="T52" s="25" t="s">
        <v>392</v>
      </c>
    </row>
    <row r="53" spans="1:20" x14ac:dyDescent="0.35">
      <c r="A53" s="21" t="s">
        <v>88</v>
      </c>
      <c r="B53" s="19" t="s">
        <v>44</v>
      </c>
      <c r="C53" s="3"/>
      <c r="D53" t="s">
        <v>286</v>
      </c>
      <c r="E53" s="21" t="s">
        <v>116</v>
      </c>
      <c r="F53" s="19" t="s">
        <v>20</v>
      </c>
      <c r="G53" s="3"/>
      <c r="H53" t="s">
        <v>312</v>
      </c>
      <c r="I53" s="21" t="s">
        <v>88</v>
      </c>
      <c r="J53" s="19" t="s">
        <v>44</v>
      </c>
      <c r="K53" s="3"/>
      <c r="L53" t="s">
        <v>336</v>
      </c>
      <c r="M53" s="21" t="s">
        <v>116</v>
      </c>
      <c r="N53" s="19" t="s">
        <v>20</v>
      </c>
      <c r="O53" s="3"/>
      <c r="P53" t="s">
        <v>383</v>
      </c>
      <c r="Q53" s="21" t="s">
        <v>60</v>
      </c>
      <c r="R53" s="19" t="s">
        <v>44</v>
      </c>
      <c r="S53" s="3"/>
      <c r="T53" t="s">
        <v>396</v>
      </c>
    </row>
    <row r="54" spans="1:20" x14ac:dyDescent="0.35">
      <c r="A54" s="21" t="s">
        <v>89</v>
      </c>
      <c r="B54" s="19" t="s">
        <v>20</v>
      </c>
      <c r="C54" s="3"/>
      <c r="D54" t="s">
        <v>287</v>
      </c>
      <c r="E54" s="21" t="s">
        <v>117</v>
      </c>
      <c r="F54" s="19" t="s">
        <v>44</v>
      </c>
      <c r="G54" s="3"/>
      <c r="H54" t="s">
        <v>313</v>
      </c>
      <c r="I54" s="21" t="s">
        <v>89</v>
      </c>
      <c r="J54" s="19" t="s">
        <v>20</v>
      </c>
      <c r="K54" s="18" t="s">
        <v>45</v>
      </c>
      <c r="L54" t="s">
        <v>337</v>
      </c>
      <c r="M54" s="21" t="s">
        <v>117</v>
      </c>
      <c r="N54" s="19" t="s">
        <v>44</v>
      </c>
      <c r="O54" s="3"/>
      <c r="P54" t="s">
        <v>366</v>
      </c>
      <c r="Q54" s="21" t="s">
        <v>61</v>
      </c>
      <c r="R54" s="19" t="s">
        <v>20</v>
      </c>
      <c r="S54" s="3"/>
      <c r="T54" t="s">
        <v>397</v>
      </c>
    </row>
    <row r="55" spans="1:20" x14ac:dyDescent="0.35">
      <c r="A55" s="21" t="s">
        <v>90</v>
      </c>
      <c r="B55" s="19" t="s">
        <v>18</v>
      </c>
      <c r="C55" s="18"/>
      <c r="D55" t="s">
        <v>288</v>
      </c>
      <c r="E55" s="21" t="s">
        <v>118</v>
      </c>
      <c r="F55" s="19" t="s">
        <v>23</v>
      </c>
      <c r="G55" s="18"/>
      <c r="H55" t="s">
        <v>315</v>
      </c>
      <c r="I55" s="21" t="s">
        <v>90</v>
      </c>
      <c r="J55" s="19" t="s">
        <v>18</v>
      </c>
      <c r="K55" s="18" t="s">
        <v>15</v>
      </c>
      <c r="L55" t="s">
        <v>335</v>
      </c>
      <c r="M55" s="21" t="s">
        <v>118</v>
      </c>
      <c r="N55" s="19" t="s">
        <v>23</v>
      </c>
      <c r="O55" s="18" t="s">
        <v>45</v>
      </c>
      <c r="P55" t="s">
        <v>368</v>
      </c>
      <c r="Q55" s="21" t="s">
        <v>62</v>
      </c>
      <c r="R55" s="19" t="s">
        <v>18</v>
      </c>
      <c r="S55" s="18" t="s">
        <v>15</v>
      </c>
      <c r="T55" s="25" t="s">
        <v>392</v>
      </c>
    </row>
    <row r="56" spans="1:20" x14ac:dyDescent="0.35">
      <c r="A56" s="21" t="s">
        <v>91</v>
      </c>
      <c r="B56" s="19" t="s">
        <v>16</v>
      </c>
      <c r="C56" s="18"/>
      <c r="D56" t="s">
        <v>289</v>
      </c>
      <c r="E56" s="21" t="s">
        <v>119</v>
      </c>
      <c r="F56" s="19" t="s">
        <v>8</v>
      </c>
      <c r="G56" s="3"/>
      <c r="H56" t="s">
        <v>326</v>
      </c>
      <c r="I56" s="21" t="s">
        <v>91</v>
      </c>
      <c r="J56" s="19" t="s">
        <v>16</v>
      </c>
      <c r="K56" s="18"/>
      <c r="L56" t="s">
        <v>339</v>
      </c>
      <c r="M56" s="21" t="s">
        <v>119</v>
      </c>
      <c r="N56" s="19" t="s">
        <v>8</v>
      </c>
      <c r="O56" s="3"/>
      <c r="P56" t="s">
        <v>381</v>
      </c>
      <c r="Q56" s="21" t="s">
        <v>63</v>
      </c>
      <c r="R56" s="19" t="s">
        <v>16</v>
      </c>
      <c r="S56" s="3"/>
      <c r="T56" t="s">
        <v>400</v>
      </c>
    </row>
    <row r="57" spans="1:20" x14ac:dyDescent="0.35">
      <c r="A57" s="21" t="s">
        <v>92</v>
      </c>
      <c r="B57" s="19" t="s">
        <v>132</v>
      </c>
      <c r="C57" s="3"/>
      <c r="D57" t="s">
        <v>322</v>
      </c>
      <c r="E57" s="21" t="s">
        <v>120</v>
      </c>
      <c r="F57" s="19" t="s">
        <v>34</v>
      </c>
      <c r="G57" s="3"/>
      <c r="H57" t="s">
        <v>324</v>
      </c>
      <c r="I57" s="21" t="s">
        <v>92</v>
      </c>
      <c r="J57" s="19" t="s">
        <v>132</v>
      </c>
      <c r="K57" s="3"/>
      <c r="L57" t="s">
        <v>359</v>
      </c>
      <c r="M57" s="21" t="s">
        <v>120</v>
      </c>
      <c r="N57" s="19" t="s">
        <v>34</v>
      </c>
      <c r="O57" s="3"/>
      <c r="P57" t="s">
        <v>370</v>
      </c>
      <c r="Q57" s="21" t="s">
        <v>64</v>
      </c>
      <c r="R57" s="19" t="s">
        <v>132</v>
      </c>
      <c r="S57" s="3"/>
      <c r="T57" t="s">
        <v>399</v>
      </c>
    </row>
    <row r="58" spans="1:20" x14ac:dyDescent="0.35">
      <c r="A58" s="21" t="s">
        <v>93</v>
      </c>
      <c r="B58" s="19" t="s">
        <v>34</v>
      </c>
      <c r="C58" s="3"/>
      <c r="D58" t="s">
        <v>311</v>
      </c>
      <c r="E58" s="21" t="s">
        <v>121</v>
      </c>
      <c r="F58" s="19" t="s">
        <v>132</v>
      </c>
      <c r="G58" s="3"/>
      <c r="H58" t="s">
        <v>323</v>
      </c>
      <c r="I58" s="21" t="s">
        <v>93</v>
      </c>
      <c r="J58" s="19" t="s">
        <v>34</v>
      </c>
      <c r="K58" s="3"/>
      <c r="L58" t="s">
        <v>343</v>
      </c>
      <c r="M58" s="21" t="s">
        <v>121</v>
      </c>
      <c r="N58" s="19" t="s">
        <v>132</v>
      </c>
      <c r="O58" s="18"/>
      <c r="P58" t="s">
        <v>378</v>
      </c>
      <c r="Q58" s="21" t="s">
        <v>65</v>
      </c>
      <c r="R58" s="19" t="s">
        <v>34</v>
      </c>
      <c r="S58" s="18"/>
      <c r="T58" t="s">
        <v>398</v>
      </c>
    </row>
    <row r="59" spans="1:20" x14ac:dyDescent="0.35">
      <c r="A59" s="21" t="s">
        <v>94</v>
      </c>
      <c r="B59" s="19" t="s">
        <v>5</v>
      </c>
      <c r="C59" s="18" t="s">
        <v>7</v>
      </c>
      <c r="D59" t="s">
        <v>290</v>
      </c>
      <c r="E59" s="21" t="s">
        <v>122</v>
      </c>
      <c r="F59" s="19" t="s">
        <v>5</v>
      </c>
      <c r="G59" s="3"/>
      <c r="H59" t="s">
        <v>318</v>
      </c>
      <c r="I59" s="21" t="s">
        <v>94</v>
      </c>
      <c r="J59" s="19" t="s">
        <v>5</v>
      </c>
      <c r="K59" s="18" t="s">
        <v>45</v>
      </c>
      <c r="L59" t="s">
        <v>344</v>
      </c>
      <c r="M59" s="21" t="s">
        <v>122</v>
      </c>
      <c r="N59" s="19" t="s">
        <v>5</v>
      </c>
      <c r="O59" s="3"/>
      <c r="P59" t="s">
        <v>385</v>
      </c>
      <c r="Q59" s="21" t="s">
        <v>66</v>
      </c>
      <c r="R59" s="19" t="s">
        <v>5</v>
      </c>
      <c r="S59" s="3"/>
      <c r="T59" s="25" t="s">
        <v>392</v>
      </c>
    </row>
    <row r="60" spans="1:20" x14ac:dyDescent="0.35">
      <c r="A60" s="21" t="s">
        <v>95</v>
      </c>
      <c r="B60" s="19" t="s">
        <v>11</v>
      </c>
      <c r="C60" s="3"/>
      <c r="D60" t="s">
        <v>291</v>
      </c>
      <c r="E60" s="21" t="s">
        <v>123</v>
      </c>
      <c r="F60" s="19" t="s">
        <v>11</v>
      </c>
      <c r="G60" s="3"/>
      <c r="H60" t="s">
        <v>316</v>
      </c>
      <c r="I60" s="21" t="s">
        <v>95</v>
      </c>
      <c r="J60" s="19" t="s">
        <v>11</v>
      </c>
      <c r="K60" s="3"/>
      <c r="L60" t="s">
        <v>371</v>
      </c>
      <c r="M60" s="21" t="s">
        <v>123</v>
      </c>
      <c r="N60" s="19" t="s">
        <v>11</v>
      </c>
      <c r="O60" s="18" t="s">
        <v>19</v>
      </c>
      <c r="P60" t="s">
        <v>372</v>
      </c>
      <c r="Q60" s="21" t="s">
        <v>67</v>
      </c>
      <c r="R60" s="19" t="s">
        <v>11</v>
      </c>
      <c r="S60" s="3"/>
      <c r="T60" s="25" t="s">
        <v>392</v>
      </c>
    </row>
    <row r="61" spans="1:20" x14ac:dyDescent="0.35">
      <c r="A61" s="21" t="s">
        <v>96</v>
      </c>
      <c r="B61" s="19" t="s">
        <v>6</v>
      </c>
      <c r="C61" s="18" t="s">
        <v>10</v>
      </c>
      <c r="D61" t="s">
        <v>292</v>
      </c>
      <c r="E61" s="21" t="s">
        <v>124</v>
      </c>
      <c r="F61" s="19" t="s">
        <v>6</v>
      </c>
      <c r="G61" s="3"/>
      <c r="H61" t="s">
        <v>320</v>
      </c>
      <c r="I61" s="21" t="s">
        <v>96</v>
      </c>
      <c r="J61" s="19" t="s">
        <v>6</v>
      </c>
      <c r="K61" s="18" t="s">
        <v>4</v>
      </c>
      <c r="L61" t="s">
        <v>348</v>
      </c>
      <c r="M61" s="21" t="s">
        <v>124</v>
      </c>
      <c r="N61" s="19" t="s">
        <v>6</v>
      </c>
      <c r="O61" s="18" t="s">
        <v>15</v>
      </c>
      <c r="P61" t="s">
        <v>377</v>
      </c>
      <c r="Q61" s="21" t="s">
        <v>68</v>
      </c>
      <c r="R61" s="19" t="s">
        <v>6</v>
      </c>
      <c r="S61" s="18" t="s">
        <v>4</v>
      </c>
      <c r="T61" t="s">
        <v>393</v>
      </c>
    </row>
    <row r="62" spans="1:20" x14ac:dyDescent="0.35">
      <c r="A62" s="21" t="s">
        <v>97</v>
      </c>
      <c r="B62" s="19" t="s">
        <v>19</v>
      </c>
      <c r="C62" s="18"/>
      <c r="D62" t="s">
        <v>293</v>
      </c>
      <c r="E62" s="21" t="s">
        <v>125</v>
      </c>
      <c r="F62" s="19" t="s">
        <v>40</v>
      </c>
      <c r="G62" s="18" t="s">
        <v>18</v>
      </c>
      <c r="H62" t="s">
        <v>317</v>
      </c>
      <c r="I62" s="21" t="s">
        <v>97</v>
      </c>
      <c r="J62" s="19" t="s">
        <v>19</v>
      </c>
      <c r="K62" s="18"/>
      <c r="L62" t="s">
        <v>346</v>
      </c>
      <c r="M62" s="21" t="s">
        <v>125</v>
      </c>
      <c r="N62" s="19" t="s">
        <v>40</v>
      </c>
      <c r="O62" s="18"/>
      <c r="P62" t="s">
        <v>374</v>
      </c>
      <c r="Q62" s="21" t="s">
        <v>69</v>
      </c>
      <c r="R62" s="19" t="s">
        <v>19</v>
      </c>
      <c r="S62" s="18"/>
      <c r="T62" s="25" t="s">
        <v>392</v>
      </c>
    </row>
    <row r="63" spans="1:20" x14ac:dyDescent="0.35">
      <c r="A63" s="21" t="s">
        <v>98</v>
      </c>
      <c r="B63" s="19" t="s">
        <v>40</v>
      </c>
      <c r="C63" s="18"/>
      <c r="D63" t="s">
        <v>294</v>
      </c>
      <c r="E63" s="21" t="s">
        <v>126</v>
      </c>
      <c r="F63" s="19" t="s">
        <v>19</v>
      </c>
      <c r="G63" s="18"/>
      <c r="H63" t="s">
        <v>319</v>
      </c>
      <c r="I63" s="21" t="s">
        <v>98</v>
      </c>
      <c r="J63" s="19" t="s">
        <v>40</v>
      </c>
      <c r="K63" s="3"/>
      <c r="L63" t="s">
        <v>345</v>
      </c>
      <c r="M63" s="21" t="s">
        <v>126</v>
      </c>
      <c r="N63" s="19" t="s">
        <v>19</v>
      </c>
      <c r="O63" s="18"/>
      <c r="P63" t="s">
        <v>373</v>
      </c>
      <c r="Q63" s="21" t="s">
        <v>70</v>
      </c>
      <c r="R63" s="19" t="s">
        <v>40</v>
      </c>
      <c r="S63" s="3"/>
      <c r="T63" t="s">
        <v>401</v>
      </c>
    </row>
    <row r="64" spans="1:20" x14ac:dyDescent="0.35">
      <c r="A64" s="21" t="s">
        <v>99</v>
      </c>
      <c r="B64" s="19" t="s">
        <v>12</v>
      </c>
      <c r="C64" s="3"/>
      <c r="D64" t="s">
        <v>380</v>
      </c>
      <c r="E64" s="21" t="s">
        <v>127</v>
      </c>
      <c r="F64" s="19" t="s">
        <v>12</v>
      </c>
      <c r="G64" s="18" t="s">
        <v>7</v>
      </c>
      <c r="H64" t="s">
        <v>361</v>
      </c>
      <c r="I64" s="21" t="s">
        <v>99</v>
      </c>
      <c r="J64" s="19" t="s">
        <v>12</v>
      </c>
      <c r="K64" s="18" t="s">
        <v>7</v>
      </c>
      <c r="L64" t="s">
        <v>363</v>
      </c>
      <c r="M64" s="21" t="s">
        <v>127</v>
      </c>
      <c r="N64" s="19" t="s">
        <v>12</v>
      </c>
      <c r="O64" s="18" t="s">
        <v>7</v>
      </c>
      <c r="P64" t="s">
        <v>375</v>
      </c>
      <c r="Q64" s="21" t="s">
        <v>71</v>
      </c>
      <c r="R64" s="19" t="s">
        <v>12</v>
      </c>
      <c r="S64" s="18" t="s">
        <v>7</v>
      </c>
      <c r="T64" t="s">
        <v>402</v>
      </c>
    </row>
    <row r="65" spans="1:20" x14ac:dyDescent="0.35">
      <c r="A65" s="21" t="s">
        <v>100</v>
      </c>
      <c r="B65" s="19" t="s">
        <v>131</v>
      </c>
      <c r="C65" s="18"/>
      <c r="D65" t="s">
        <v>297</v>
      </c>
      <c r="E65" s="21" t="s">
        <v>128</v>
      </c>
      <c r="F65" s="19" t="s">
        <v>131</v>
      </c>
      <c r="G65" s="3"/>
      <c r="H65" t="s">
        <v>327</v>
      </c>
      <c r="I65" s="21" t="s">
        <v>100</v>
      </c>
      <c r="J65" s="19" t="s">
        <v>131</v>
      </c>
      <c r="K65" s="3"/>
      <c r="L65" t="s">
        <v>360</v>
      </c>
      <c r="M65" s="21" t="s">
        <v>128</v>
      </c>
      <c r="N65" s="19" t="s">
        <v>131</v>
      </c>
      <c r="O65" s="18"/>
      <c r="P65" t="s">
        <v>379</v>
      </c>
      <c r="Q65" s="21" t="s">
        <v>72</v>
      </c>
      <c r="R65" s="19" t="s">
        <v>131</v>
      </c>
      <c r="S65" s="3"/>
      <c r="T65" t="s">
        <v>403</v>
      </c>
    </row>
    <row r="66" spans="1:20" x14ac:dyDescent="0.35">
      <c r="A66" s="21" t="s">
        <v>101</v>
      </c>
      <c r="B66" s="19" t="s">
        <v>22</v>
      </c>
      <c r="C66" s="18"/>
      <c r="D66" t="s">
        <v>295</v>
      </c>
      <c r="E66" s="21" t="s">
        <v>129</v>
      </c>
      <c r="F66" s="19" t="s">
        <v>22</v>
      </c>
      <c r="G66" s="18"/>
      <c r="H66" t="s">
        <v>321</v>
      </c>
      <c r="I66" s="21" t="s">
        <v>101</v>
      </c>
      <c r="J66" s="19" t="s">
        <v>22</v>
      </c>
      <c r="K66" s="3"/>
      <c r="L66" t="s">
        <v>349</v>
      </c>
      <c r="M66" s="21" t="s">
        <v>129</v>
      </c>
      <c r="N66" s="19" t="s">
        <v>22</v>
      </c>
      <c r="O66" s="18" t="s">
        <v>4</v>
      </c>
      <c r="P66" t="s">
        <v>382</v>
      </c>
      <c r="Q66" s="21" t="s">
        <v>73</v>
      </c>
      <c r="R66" s="19" t="s">
        <v>22</v>
      </c>
      <c r="S66" s="18" t="s">
        <v>4</v>
      </c>
      <c r="T66" t="s">
        <v>395</v>
      </c>
    </row>
    <row r="67" spans="1:20" x14ac:dyDescent="0.35">
      <c r="A67" s="21" t="s">
        <v>102</v>
      </c>
      <c r="B67" s="19" t="s">
        <v>42</v>
      </c>
      <c r="C67" s="18"/>
      <c r="D67" t="s">
        <v>296</v>
      </c>
      <c r="E67" s="21" t="s">
        <v>130</v>
      </c>
      <c r="F67" s="19" t="s">
        <v>42</v>
      </c>
      <c r="G67" s="18"/>
      <c r="H67" t="s">
        <v>325</v>
      </c>
      <c r="I67" s="21" t="s">
        <v>102</v>
      </c>
      <c r="J67" s="19" t="s">
        <v>42</v>
      </c>
      <c r="K67" s="18"/>
      <c r="L67" t="s">
        <v>347</v>
      </c>
      <c r="M67" s="21" t="s">
        <v>130</v>
      </c>
      <c r="N67" s="19" t="s">
        <v>42</v>
      </c>
      <c r="O67" s="3"/>
      <c r="P67" t="s">
        <v>376</v>
      </c>
      <c r="Q67" s="21" t="s">
        <v>74</v>
      </c>
      <c r="R67" s="19" t="s">
        <v>42</v>
      </c>
      <c r="S67" s="3"/>
      <c r="T67" t="s">
        <v>404</v>
      </c>
    </row>
    <row r="68" spans="1:20" x14ac:dyDescent="0.35">
      <c r="A68" s="4"/>
      <c r="H68" s="3"/>
    </row>
    <row r="69" spans="1:20" x14ac:dyDescent="0.35">
      <c r="A69" s="4"/>
    </row>
    <row r="70" spans="1:20" x14ac:dyDescent="0.35">
      <c r="A70" s="8"/>
      <c r="B70" s="19"/>
      <c r="C70" s="14"/>
      <c r="D70" s="14"/>
      <c r="E70" s="14"/>
      <c r="F70" s="15"/>
      <c r="G70" s="14"/>
      <c r="H70" s="14"/>
      <c r="I70" s="14"/>
      <c r="J70" s="14"/>
      <c r="K70" s="14"/>
    </row>
    <row r="71" spans="1:20" x14ac:dyDescent="0.35">
      <c r="A71" s="8"/>
      <c r="B71" s="14"/>
      <c r="C71" s="14"/>
      <c r="D71" s="14"/>
      <c r="E71" s="14"/>
      <c r="F71" s="15"/>
      <c r="G71" s="14"/>
      <c r="H71" s="14"/>
      <c r="I71" s="14"/>
      <c r="J71" s="14"/>
      <c r="K71" s="14"/>
    </row>
    <row r="72" spans="1:20" x14ac:dyDescent="0.35">
      <c r="A72" s="8"/>
      <c r="B72" s="14"/>
      <c r="C72" s="14"/>
      <c r="D72" s="14"/>
      <c r="E72" s="14"/>
      <c r="F72" s="15"/>
      <c r="G72" s="14"/>
      <c r="H72" s="14"/>
      <c r="I72" s="14"/>
      <c r="J72" s="14"/>
      <c r="K72" s="14"/>
    </row>
    <row r="73" spans="1:20" ht="13.15" x14ac:dyDescent="0.4">
      <c r="A73" s="4"/>
      <c r="B73" s="14"/>
      <c r="C73" s="14"/>
      <c r="D73" s="14"/>
      <c r="E73" s="16"/>
      <c r="F73" s="15"/>
      <c r="G73" s="14"/>
      <c r="H73" s="17"/>
      <c r="I73" s="14"/>
      <c r="J73" s="14"/>
      <c r="K73" s="14"/>
    </row>
    <row r="74" spans="1:20" ht="13.15" x14ac:dyDescent="0.4">
      <c r="A74" s="4"/>
      <c r="B74" s="14"/>
      <c r="C74" s="16"/>
      <c r="D74" s="14"/>
      <c r="E74" s="14"/>
      <c r="F74" s="15"/>
      <c r="G74" s="14"/>
      <c r="H74" s="17"/>
      <c r="I74" s="14"/>
      <c r="J74" s="14"/>
      <c r="K74" s="14"/>
    </row>
    <row r="75" spans="1:20" x14ac:dyDescent="0.35">
      <c r="A75" s="5"/>
      <c r="B75" s="14"/>
      <c r="C75" s="14"/>
      <c r="D75" s="14"/>
      <c r="E75" s="14"/>
      <c r="F75" s="15"/>
      <c r="G75" s="14"/>
      <c r="H75" s="14"/>
      <c r="I75" s="14"/>
      <c r="J75" s="14"/>
      <c r="K75" s="14"/>
    </row>
    <row r="76" spans="1:20" x14ac:dyDescent="0.35">
      <c r="A76" s="5"/>
      <c r="B76" s="14"/>
      <c r="C76" s="14"/>
      <c r="D76" s="14"/>
      <c r="E76" s="14"/>
      <c r="F76" s="15"/>
      <c r="G76" s="14"/>
      <c r="H76" s="14"/>
      <c r="I76" s="14"/>
      <c r="J76" s="14"/>
      <c r="K76" s="14"/>
    </row>
    <row r="77" spans="1:20" x14ac:dyDescent="0.35">
      <c r="A77" s="5"/>
      <c r="B77" s="14"/>
      <c r="C77" s="14"/>
      <c r="D77" s="14"/>
      <c r="E77" s="14"/>
      <c r="F77" s="15"/>
      <c r="G77" s="14"/>
      <c r="H77" s="14"/>
      <c r="I77" s="14"/>
      <c r="J77" s="14"/>
      <c r="K77" s="14"/>
    </row>
    <row r="78" spans="1:20" x14ac:dyDescent="0.35">
      <c r="A78"/>
      <c r="B78" s="14"/>
      <c r="C78" s="14"/>
      <c r="D78" s="14"/>
      <c r="E78" s="14"/>
      <c r="F78" s="15"/>
      <c r="G78" s="14"/>
      <c r="H78" s="14"/>
      <c r="I78" s="14"/>
      <c r="J78" s="14"/>
      <c r="K78" s="14"/>
    </row>
    <row r="79" spans="1:20" x14ac:dyDescent="0.35">
      <c r="A79"/>
      <c r="B79" s="14"/>
      <c r="C79" s="14"/>
      <c r="D79" s="14"/>
      <c r="E79" s="14"/>
      <c r="F79" s="15"/>
      <c r="G79" s="14"/>
      <c r="H79" s="14"/>
      <c r="I79" s="14"/>
      <c r="J79" s="14"/>
      <c r="K79" s="14"/>
    </row>
    <row r="80" spans="1:20" x14ac:dyDescent="0.35">
      <c r="A80"/>
      <c r="B80" s="14"/>
      <c r="C80" s="14"/>
      <c r="D80" s="14"/>
      <c r="E80" s="14"/>
      <c r="F80" s="15"/>
      <c r="G80" s="14"/>
      <c r="H80" s="14"/>
      <c r="I80" s="14"/>
      <c r="J80" s="14"/>
      <c r="K80" s="14"/>
    </row>
    <row r="81" spans="1:11" x14ac:dyDescent="0.35">
      <c r="A81"/>
      <c r="B81" s="14"/>
      <c r="C81" s="14"/>
      <c r="D81" s="14"/>
      <c r="E81" s="14"/>
      <c r="F81" s="15"/>
      <c r="G81" s="14"/>
      <c r="H81" s="14"/>
      <c r="I81" s="14"/>
      <c r="J81" s="14"/>
      <c r="K81" s="14"/>
    </row>
    <row r="82" spans="1:11" x14ac:dyDescent="0.35">
      <c r="A82"/>
      <c r="B82" s="14"/>
      <c r="C82" s="14"/>
      <c r="D82" s="14"/>
      <c r="E82" s="14"/>
      <c r="F82" s="15"/>
      <c r="G82" s="14"/>
      <c r="H82" s="14"/>
      <c r="I82" s="14"/>
      <c r="J82" s="14"/>
      <c r="K82" s="14"/>
    </row>
    <row r="83" spans="1:11" x14ac:dyDescent="0.35">
      <c r="A83"/>
      <c r="B83" s="14"/>
      <c r="C83" s="14"/>
      <c r="D83" s="14"/>
      <c r="E83" s="14"/>
      <c r="F83" s="15"/>
      <c r="G83" s="14"/>
      <c r="H83" s="14"/>
      <c r="I83" s="14"/>
      <c r="J83" s="14"/>
      <c r="K83" s="14"/>
    </row>
    <row r="84" spans="1:11" x14ac:dyDescent="0.35">
      <c r="A84"/>
      <c r="B84" s="14"/>
      <c r="C84" s="14"/>
      <c r="D84" s="14"/>
      <c r="E84" s="14"/>
      <c r="F84" s="15"/>
      <c r="G84" s="14"/>
      <c r="H84" s="14"/>
      <c r="I84" s="14"/>
      <c r="J84" s="14"/>
      <c r="K84" s="14"/>
    </row>
    <row r="85" spans="1:11" x14ac:dyDescent="0.35">
      <c r="A85"/>
      <c r="B85" s="14"/>
      <c r="C85" s="14"/>
      <c r="D85" s="14"/>
      <c r="E85" s="14"/>
      <c r="F85" s="15"/>
      <c r="G85" s="14"/>
      <c r="H85" s="14"/>
      <c r="I85" s="14"/>
      <c r="J85" s="14"/>
      <c r="K85" s="14"/>
    </row>
    <row r="86" spans="1:11" x14ac:dyDescent="0.35">
      <c r="A86"/>
      <c r="B86" s="14"/>
      <c r="C86" s="14"/>
      <c r="D86" s="14"/>
      <c r="E86" s="14"/>
      <c r="F86" s="15"/>
      <c r="G86" s="14"/>
      <c r="H86" s="14"/>
      <c r="I86" s="14"/>
      <c r="J86" s="14"/>
      <c r="K86" s="14"/>
    </row>
    <row r="87" spans="1:11" x14ac:dyDescent="0.35">
      <c r="B87" s="14"/>
      <c r="C87" s="14"/>
      <c r="D87" s="14"/>
      <c r="E87" s="14"/>
      <c r="F87" s="14"/>
      <c r="G87" s="14"/>
      <c r="H87" s="14"/>
      <c r="I87" s="14"/>
      <c r="J87" s="14"/>
      <c r="K87" s="14"/>
    </row>
    <row r="88" spans="1:11" x14ac:dyDescent="0.35">
      <c r="B88" s="14"/>
      <c r="C88" s="14"/>
      <c r="D88" s="14"/>
      <c r="E88" s="14"/>
      <c r="F88" s="15"/>
      <c r="G88" s="14"/>
      <c r="H88" s="14"/>
      <c r="I88" s="14"/>
      <c r="J88" s="14"/>
      <c r="K88" s="14"/>
    </row>
    <row r="89" spans="1:11" x14ac:dyDescent="0.35">
      <c r="B89" s="14"/>
      <c r="C89" s="14"/>
      <c r="D89" s="14"/>
      <c r="E89" s="14"/>
      <c r="F89" s="15"/>
      <c r="G89" s="14"/>
      <c r="H89" s="14"/>
      <c r="I89" s="14"/>
      <c r="J89" s="14"/>
      <c r="K89" s="14"/>
    </row>
    <row r="90" spans="1:11" x14ac:dyDescent="0.35">
      <c r="B90" s="14"/>
      <c r="C90" s="14"/>
      <c r="D90" s="14"/>
      <c r="E90" s="14"/>
      <c r="F90" s="15"/>
      <c r="G90" s="14"/>
      <c r="H90" s="14"/>
      <c r="I90" s="14"/>
      <c r="J90" s="14"/>
      <c r="K90" s="14"/>
    </row>
    <row r="91" spans="1:11" x14ac:dyDescent="0.35">
      <c r="B91" s="14"/>
      <c r="C91" s="14"/>
      <c r="D91" s="14"/>
      <c r="E91" s="14"/>
      <c r="F91" s="15"/>
      <c r="G91" s="14"/>
      <c r="H91" s="14"/>
      <c r="I91" s="14"/>
      <c r="J91" s="14"/>
      <c r="K91" s="14"/>
    </row>
    <row r="92" spans="1:11" x14ac:dyDescent="0.35">
      <c r="B92" s="14"/>
      <c r="C92" s="14"/>
      <c r="D92" s="14"/>
      <c r="E92" s="14"/>
      <c r="F92" s="15"/>
      <c r="G92" s="14"/>
      <c r="H92" s="14"/>
      <c r="I92" s="14"/>
      <c r="J92" s="14"/>
      <c r="K92" s="14"/>
    </row>
    <row r="93" spans="1:11" x14ac:dyDescent="0.35">
      <c r="B93" s="14"/>
      <c r="C93" s="14"/>
      <c r="D93" s="14"/>
      <c r="E93" s="14"/>
      <c r="F93" s="15"/>
      <c r="G93" s="14"/>
      <c r="H93" s="14"/>
      <c r="I93" s="14"/>
      <c r="J93" s="14"/>
      <c r="K93" s="14"/>
    </row>
    <row r="94" spans="1:11" x14ac:dyDescent="0.35">
      <c r="B94" s="14"/>
      <c r="C94" s="14"/>
      <c r="D94" s="14"/>
      <c r="E94" s="14"/>
      <c r="F94" s="15"/>
      <c r="G94" s="14"/>
      <c r="H94" s="14"/>
      <c r="I94" s="14"/>
      <c r="J94" s="14"/>
      <c r="K94" s="14"/>
    </row>
    <row r="95" spans="1:11" x14ac:dyDescent="0.35">
      <c r="B95" s="14"/>
      <c r="C95" s="14"/>
      <c r="D95" s="14"/>
      <c r="E95" s="14"/>
      <c r="F95" s="15"/>
      <c r="G95" s="14"/>
      <c r="H95" s="14"/>
      <c r="I95" s="14"/>
      <c r="J95" s="14"/>
      <c r="K95" s="14"/>
    </row>
    <row r="96" spans="1:11" x14ac:dyDescent="0.35">
      <c r="B96" s="14"/>
      <c r="C96" s="14"/>
      <c r="D96" s="14"/>
      <c r="E96" s="14"/>
      <c r="F96" s="15"/>
      <c r="G96" s="14"/>
      <c r="H96" s="14"/>
      <c r="I96" s="14"/>
      <c r="J96" s="14"/>
      <c r="K96" s="14"/>
    </row>
    <row r="97" spans="2:11" x14ac:dyDescent="0.35">
      <c r="B97" s="14"/>
      <c r="C97" s="14"/>
      <c r="D97" s="14"/>
      <c r="E97" s="14"/>
      <c r="F97" s="15"/>
      <c r="G97" s="14"/>
      <c r="H97" s="14"/>
      <c r="I97" s="14"/>
      <c r="J97" s="14"/>
      <c r="K97" s="14"/>
    </row>
    <row r="98" spans="2:11" x14ac:dyDescent="0.35">
      <c r="B98" s="14"/>
      <c r="C98" s="14"/>
      <c r="D98" s="14"/>
      <c r="E98" s="14"/>
      <c r="F98" s="15"/>
      <c r="G98" s="14"/>
      <c r="H98" s="14"/>
      <c r="I98" s="14"/>
      <c r="J98" s="14"/>
      <c r="K98" s="14"/>
    </row>
    <row r="99" spans="2:11" x14ac:dyDescent="0.35">
      <c r="B99" s="14"/>
      <c r="C99" s="14"/>
      <c r="D99" s="14"/>
      <c r="E99" s="14"/>
      <c r="F99" s="15"/>
      <c r="G99" s="14"/>
      <c r="H99" s="14"/>
      <c r="I99" s="14"/>
      <c r="J99" s="14"/>
      <c r="K99" s="14"/>
    </row>
    <row r="100" spans="2:11" x14ac:dyDescent="0.35">
      <c r="B100" s="16" t="s">
        <v>39</v>
      </c>
      <c r="C100" s="14"/>
      <c r="D100" s="14"/>
      <c r="E100" s="14"/>
      <c r="F100" s="15"/>
      <c r="G100" s="14"/>
      <c r="H100" s="14"/>
      <c r="I100" s="14"/>
      <c r="J100" s="14"/>
      <c r="K100" s="14"/>
    </row>
    <row r="101" spans="2:11" x14ac:dyDescent="0.35">
      <c r="B101" s="14"/>
      <c r="C101" s="14" t="s">
        <v>35</v>
      </c>
      <c r="D101" s="14" t="s">
        <v>36</v>
      </c>
      <c r="E101" s="14"/>
      <c r="F101" s="15"/>
      <c r="G101" s="14"/>
      <c r="H101" s="14"/>
      <c r="I101" s="14"/>
      <c r="J101" s="14"/>
      <c r="K101" s="14"/>
    </row>
    <row r="102" spans="2:11" x14ac:dyDescent="0.35">
      <c r="B102" s="14"/>
      <c r="C102" s="14"/>
      <c r="D102" s="14"/>
      <c r="E102" s="14"/>
      <c r="F102" s="15"/>
      <c r="G102" s="14"/>
      <c r="H102" s="14"/>
      <c r="I102" s="14"/>
      <c r="J102" s="14"/>
      <c r="K102" s="14"/>
    </row>
    <row r="103" spans="2:11" x14ac:dyDescent="0.35">
      <c r="B103" s="14"/>
      <c r="C103" s="16"/>
      <c r="D103" s="14"/>
      <c r="E103" s="14"/>
      <c r="F103" s="15"/>
      <c r="G103" s="14"/>
      <c r="H103" s="14"/>
      <c r="I103" s="14"/>
      <c r="J103" s="14"/>
      <c r="K103" s="14"/>
    </row>
    <row r="104" spans="2:11" x14ac:dyDescent="0.35">
      <c r="B104" s="14"/>
      <c r="C104" s="16"/>
      <c r="D104" s="14"/>
      <c r="E104" s="14"/>
      <c r="F104" s="15"/>
      <c r="G104" s="14"/>
      <c r="H104" s="14"/>
      <c r="I104" s="14"/>
      <c r="J104" s="14"/>
      <c r="K104" s="14"/>
    </row>
    <row r="105" spans="2:11" x14ac:dyDescent="0.35">
      <c r="B105" s="14"/>
      <c r="C105" s="16"/>
      <c r="D105" s="14"/>
      <c r="E105" s="14"/>
      <c r="F105" s="15"/>
      <c r="G105" s="14"/>
      <c r="H105" s="14"/>
      <c r="I105" s="14"/>
      <c r="J105" s="14"/>
      <c r="K105" s="14"/>
    </row>
    <row r="106" spans="2:11" x14ac:dyDescent="0.35">
      <c r="B106" s="14"/>
      <c r="C106" s="16"/>
      <c r="D106" s="14"/>
      <c r="E106" s="14"/>
      <c r="F106" s="15"/>
      <c r="G106" s="14"/>
      <c r="H106" s="14"/>
      <c r="I106" s="14"/>
      <c r="J106" s="14"/>
      <c r="K106" s="14"/>
    </row>
    <row r="107" spans="2:11" x14ac:dyDescent="0.35">
      <c r="B107" s="14"/>
      <c r="C107" s="16"/>
      <c r="D107" s="14"/>
      <c r="E107" s="14"/>
      <c r="F107" s="15"/>
      <c r="G107" s="14"/>
      <c r="H107" s="14"/>
      <c r="I107" s="14"/>
      <c r="J107" s="14"/>
      <c r="K107" s="14"/>
    </row>
    <row r="108" spans="2:11" x14ac:dyDescent="0.35">
      <c r="B108" s="14"/>
      <c r="C108" s="14"/>
      <c r="D108" s="14"/>
      <c r="E108" s="14"/>
      <c r="F108" s="15"/>
      <c r="G108" s="14"/>
      <c r="H108" s="14"/>
      <c r="I108" s="14"/>
      <c r="J108" s="14"/>
      <c r="K108" s="14"/>
    </row>
    <row r="109" spans="2:11" x14ac:dyDescent="0.35">
      <c r="B109" s="14"/>
      <c r="C109" s="16"/>
      <c r="D109" s="14"/>
      <c r="E109" s="14"/>
      <c r="F109" s="15"/>
      <c r="G109" s="14"/>
      <c r="H109" s="14"/>
      <c r="I109" s="14"/>
      <c r="J109" s="14"/>
      <c r="K109" s="14"/>
    </row>
    <row r="110" spans="2:11" x14ac:dyDescent="0.35">
      <c r="B110" s="14"/>
      <c r="C110" s="16"/>
      <c r="D110" s="14"/>
      <c r="E110" s="14"/>
      <c r="F110" s="15"/>
      <c r="G110" s="14"/>
      <c r="H110" s="14"/>
      <c r="I110" s="14"/>
      <c r="J110" s="14"/>
      <c r="K110" s="14"/>
    </row>
    <row r="111" spans="2:11" x14ac:dyDescent="0.35">
      <c r="B111" s="14"/>
      <c r="C111" s="14"/>
      <c r="D111" s="14"/>
      <c r="E111" s="14"/>
      <c r="F111" s="15"/>
      <c r="G111" s="14"/>
      <c r="H111" s="14"/>
      <c r="I111" s="14"/>
      <c r="J111" s="14"/>
      <c r="K111" s="14"/>
    </row>
    <row r="112" spans="2:11" x14ac:dyDescent="0.35">
      <c r="B112" s="14"/>
      <c r="C112" s="16"/>
      <c r="D112" s="14"/>
      <c r="E112" s="14"/>
      <c r="F112" s="15"/>
      <c r="G112" s="14"/>
      <c r="H112" s="14"/>
      <c r="I112" s="14"/>
      <c r="J112" s="14"/>
      <c r="K112" s="14"/>
    </row>
    <row r="113" spans="2:11" x14ac:dyDescent="0.35">
      <c r="B113" s="14"/>
      <c r="C113" s="16"/>
      <c r="D113" s="14"/>
      <c r="E113" s="14"/>
      <c r="F113" s="15"/>
      <c r="G113" s="14"/>
      <c r="H113" s="14"/>
      <c r="I113" s="14"/>
      <c r="J113" s="14"/>
      <c r="K113" s="14"/>
    </row>
    <row r="114" spans="2:11" x14ac:dyDescent="0.35">
      <c r="B114" s="14"/>
      <c r="C114" s="16"/>
      <c r="D114" s="14"/>
      <c r="E114" s="14"/>
      <c r="F114" s="15"/>
      <c r="G114" s="14"/>
      <c r="H114" s="14"/>
      <c r="I114" s="14"/>
      <c r="J114" s="14"/>
      <c r="K114" s="14"/>
    </row>
    <row r="115" spans="2:11" x14ac:dyDescent="0.35">
      <c r="B115" s="14"/>
      <c r="C115" s="14"/>
      <c r="D115" s="14"/>
      <c r="E115" s="14"/>
      <c r="F115" s="15"/>
      <c r="G115" s="14"/>
      <c r="H115" s="14"/>
      <c r="I115" s="14"/>
      <c r="J115" s="14"/>
      <c r="K115" s="14"/>
    </row>
    <row r="116" spans="2:11" x14ac:dyDescent="0.35">
      <c r="B116" s="14"/>
      <c r="C116" s="16"/>
      <c r="D116" s="14"/>
      <c r="E116" s="14"/>
      <c r="F116" s="15"/>
      <c r="G116" s="14"/>
      <c r="H116" s="14"/>
      <c r="I116" s="14"/>
      <c r="J116" s="14"/>
      <c r="K116" s="14"/>
    </row>
    <row r="117" spans="2:11" x14ac:dyDescent="0.35">
      <c r="B117" s="14"/>
      <c r="C117" s="16"/>
      <c r="D117" s="14"/>
      <c r="E117" s="14"/>
      <c r="F117" s="15"/>
      <c r="G117" s="14"/>
      <c r="H117" s="14"/>
      <c r="I117" s="14"/>
      <c r="J117" s="14"/>
      <c r="K117" s="14"/>
    </row>
    <row r="118" spans="2:11" x14ac:dyDescent="0.35">
      <c r="B118" s="14"/>
      <c r="C118" s="16"/>
      <c r="D118" s="14"/>
      <c r="E118" s="14"/>
      <c r="F118" s="15"/>
      <c r="G118" s="14"/>
      <c r="H118" s="14"/>
      <c r="I118" s="14"/>
      <c r="J118" s="14"/>
      <c r="K118" s="14"/>
    </row>
    <row r="119" spans="2:11" x14ac:dyDescent="0.35">
      <c r="B119" s="14"/>
      <c r="C119" s="16"/>
      <c r="D119" s="14"/>
      <c r="E119" s="14"/>
      <c r="F119" s="15"/>
      <c r="G119" s="14"/>
      <c r="H119" s="14"/>
      <c r="I119" s="14"/>
      <c r="J119" s="14"/>
      <c r="K119" s="14"/>
    </row>
    <row r="120" spans="2:11" x14ac:dyDescent="0.35">
      <c r="B120" s="14"/>
      <c r="C120" s="14"/>
      <c r="D120" s="14"/>
      <c r="E120" s="14"/>
      <c r="F120" s="15"/>
      <c r="G120" s="14"/>
      <c r="H120" s="14"/>
      <c r="I120" s="14"/>
      <c r="J120" s="14"/>
      <c r="K120" s="14"/>
    </row>
    <row r="121" spans="2:11" x14ac:dyDescent="0.35">
      <c r="B121" s="14"/>
      <c r="C121" s="14"/>
      <c r="D121" s="14"/>
      <c r="E121" s="14"/>
      <c r="F121" s="15"/>
      <c r="G121" s="14"/>
      <c r="H121" s="14"/>
      <c r="I121" s="14"/>
      <c r="J121" s="14"/>
      <c r="K121" s="14"/>
    </row>
    <row r="122" spans="2:11" x14ac:dyDescent="0.35">
      <c r="B122" s="14"/>
      <c r="C122" s="16"/>
      <c r="D122" s="14"/>
      <c r="E122" s="14"/>
      <c r="F122" s="15"/>
      <c r="G122" s="14"/>
      <c r="H122" s="14"/>
      <c r="I122" s="14"/>
      <c r="J122" s="14"/>
      <c r="K122" s="14"/>
    </row>
    <row r="123" spans="2:11" x14ac:dyDescent="0.35">
      <c r="B123" s="14"/>
      <c r="C123" s="16"/>
      <c r="D123" s="14"/>
      <c r="E123" s="14"/>
      <c r="F123" s="15"/>
      <c r="G123" s="14"/>
      <c r="H123" s="14"/>
      <c r="I123" s="14"/>
      <c r="J123" s="14"/>
      <c r="K123" s="14"/>
    </row>
    <row r="124" spans="2:11" x14ac:dyDescent="0.35">
      <c r="B124" s="14"/>
      <c r="C124" s="16"/>
      <c r="D124" s="14"/>
      <c r="E124" s="14"/>
      <c r="F124" s="15"/>
      <c r="G124" s="14"/>
      <c r="H124" s="14"/>
      <c r="I124" s="14"/>
      <c r="J124" s="14"/>
      <c r="K124" s="14"/>
    </row>
    <row r="125" spans="2:11" x14ac:dyDescent="0.35">
      <c r="B125" s="14"/>
      <c r="C125" s="16"/>
      <c r="D125" s="14"/>
      <c r="E125" s="14"/>
      <c r="F125" s="15"/>
      <c r="G125" s="14"/>
      <c r="H125" s="14"/>
      <c r="I125" s="14"/>
      <c r="J125" s="14"/>
      <c r="K125" s="14"/>
    </row>
    <row r="126" spans="2:11" x14ac:dyDescent="0.35">
      <c r="B126" s="14"/>
      <c r="C126" s="14"/>
      <c r="D126" s="14"/>
      <c r="E126" s="14"/>
      <c r="F126" s="15"/>
      <c r="G126" s="14"/>
      <c r="H126" s="14"/>
      <c r="I126" s="14"/>
      <c r="J126" s="14"/>
      <c r="K126" s="14"/>
    </row>
    <row r="127" spans="2:11" x14ac:dyDescent="0.35">
      <c r="B127" s="14"/>
      <c r="C127" s="14"/>
      <c r="D127" s="14"/>
      <c r="E127" s="14"/>
      <c r="F127" s="15"/>
      <c r="G127" s="14"/>
      <c r="H127" s="14"/>
      <c r="I127" s="14"/>
      <c r="J127" s="14"/>
      <c r="K127" s="14"/>
    </row>
    <row r="128" spans="2:11" x14ac:dyDescent="0.35">
      <c r="B128" s="14"/>
      <c r="C128" s="14"/>
      <c r="D128" s="14"/>
      <c r="E128" s="14"/>
      <c r="F128" s="15"/>
      <c r="G128" s="14"/>
      <c r="H128" s="14"/>
      <c r="I128" s="14"/>
      <c r="J128" s="14"/>
      <c r="K128" s="14"/>
    </row>
    <row r="129" spans="2:11" x14ac:dyDescent="0.35">
      <c r="B129" s="14"/>
      <c r="C129" s="14"/>
      <c r="D129" s="14"/>
      <c r="E129" s="14"/>
      <c r="F129" s="15"/>
      <c r="G129" s="14"/>
      <c r="H129" s="14"/>
      <c r="I129" s="14"/>
      <c r="J129" s="14"/>
      <c r="K129" s="14"/>
    </row>
    <row r="130" spans="2:11" x14ac:dyDescent="0.35">
      <c r="B130" s="14"/>
      <c r="C130" s="14"/>
      <c r="D130" s="14"/>
      <c r="E130" s="14"/>
      <c r="F130" s="15"/>
      <c r="G130" s="14"/>
      <c r="H130" s="14"/>
      <c r="I130" s="14"/>
      <c r="J130" s="14"/>
      <c r="K130" s="14"/>
    </row>
    <row r="131" spans="2:11" x14ac:dyDescent="0.35">
      <c r="B131" s="14"/>
      <c r="C131" s="14"/>
      <c r="D131" s="14"/>
      <c r="E131" s="14"/>
      <c r="F131" s="15"/>
      <c r="G131" s="14"/>
      <c r="H131" s="14"/>
      <c r="I131" s="14"/>
      <c r="J131" s="14"/>
      <c r="K131" s="14"/>
    </row>
    <row r="132" spans="2:11" x14ac:dyDescent="0.35">
      <c r="B132" s="14"/>
      <c r="C132" s="14"/>
      <c r="D132" s="14"/>
      <c r="E132" s="14"/>
      <c r="F132" s="15"/>
      <c r="G132" s="14"/>
      <c r="H132" s="14"/>
      <c r="I132" s="14"/>
      <c r="J132" s="14"/>
      <c r="K132" s="14"/>
    </row>
    <row r="133" spans="2:11" x14ac:dyDescent="0.35">
      <c r="B133" s="14"/>
      <c r="C133" s="14"/>
      <c r="D133" s="14"/>
      <c r="E133" s="14"/>
      <c r="F133" s="15"/>
      <c r="G133" s="14"/>
      <c r="H133" s="14"/>
      <c r="I133" s="14"/>
      <c r="J133" s="14"/>
      <c r="K133" s="14"/>
    </row>
    <row r="134" spans="2:11" x14ac:dyDescent="0.35">
      <c r="B134" s="14"/>
      <c r="C134" s="14"/>
      <c r="D134" s="14"/>
      <c r="E134" s="14"/>
      <c r="F134" s="15"/>
      <c r="G134" s="14"/>
      <c r="H134" s="14"/>
      <c r="I134" s="14"/>
      <c r="J134" s="14"/>
      <c r="K134" s="14"/>
    </row>
    <row r="135" spans="2:11" x14ac:dyDescent="0.35">
      <c r="B135" s="14"/>
      <c r="C135" s="14"/>
      <c r="D135" s="14"/>
      <c r="E135" s="14"/>
      <c r="F135" s="15"/>
      <c r="G135" s="14"/>
      <c r="H135" s="14"/>
      <c r="I135" s="14"/>
      <c r="J135" s="14"/>
      <c r="K135" s="14"/>
    </row>
    <row r="136" spans="2:11" x14ac:dyDescent="0.35">
      <c r="B136" s="14"/>
      <c r="C136" s="14"/>
      <c r="D136" s="14"/>
      <c r="E136" s="14"/>
      <c r="F136" s="15"/>
      <c r="G136" s="14"/>
      <c r="H136" s="14"/>
      <c r="I136" s="14"/>
      <c r="J136" s="14"/>
      <c r="K136" s="14"/>
    </row>
    <row r="137" spans="2:11" x14ac:dyDescent="0.35">
      <c r="B137" s="14"/>
      <c r="C137" s="14"/>
      <c r="D137" s="14"/>
      <c r="E137" s="14"/>
      <c r="F137" s="15"/>
      <c r="G137" s="14"/>
      <c r="H137" s="14"/>
      <c r="I137" s="14"/>
      <c r="J137" s="14"/>
      <c r="K137" s="14"/>
    </row>
    <row r="138" spans="2:11" x14ac:dyDescent="0.35">
      <c r="B138" s="14"/>
      <c r="C138" s="14"/>
      <c r="D138" s="14"/>
      <c r="E138" s="14"/>
      <c r="F138" s="15"/>
      <c r="G138" s="14"/>
      <c r="H138" s="14"/>
      <c r="I138" s="14"/>
      <c r="J138" s="14"/>
      <c r="K138" s="14"/>
    </row>
    <row r="139" spans="2:11" x14ac:dyDescent="0.35">
      <c r="B139" s="14"/>
      <c r="C139" s="14"/>
      <c r="D139" s="14"/>
      <c r="E139" s="14"/>
      <c r="F139" s="15"/>
      <c r="G139" s="14"/>
      <c r="H139" s="14"/>
      <c r="I139" s="14"/>
      <c r="J139" s="14"/>
      <c r="K139" s="14"/>
    </row>
    <row r="140" spans="2:11" x14ac:dyDescent="0.35">
      <c r="B140" s="14"/>
      <c r="C140" s="14"/>
      <c r="D140" s="14"/>
      <c r="E140" s="14"/>
      <c r="F140" s="15"/>
      <c r="G140" s="14"/>
      <c r="H140" s="14"/>
      <c r="I140" s="14"/>
      <c r="J140" s="14"/>
      <c r="K140" s="14"/>
    </row>
    <row r="141" spans="2:11" x14ac:dyDescent="0.35">
      <c r="B141" s="14"/>
      <c r="C141" s="14"/>
      <c r="D141" s="14"/>
      <c r="E141" s="14"/>
      <c r="F141" s="15"/>
      <c r="G141" s="14"/>
      <c r="H141" s="14"/>
      <c r="I141" s="14"/>
      <c r="J141" s="14"/>
      <c r="K141" s="14"/>
    </row>
    <row r="142" spans="2:11" x14ac:dyDescent="0.35">
      <c r="B142" s="14"/>
      <c r="C142" s="14"/>
      <c r="D142" s="14"/>
      <c r="E142" s="14"/>
      <c r="F142" s="15"/>
      <c r="G142" s="14"/>
      <c r="H142" s="14"/>
      <c r="I142" s="14"/>
      <c r="J142" s="14"/>
      <c r="K142" s="14"/>
    </row>
    <row r="143" spans="2:11" x14ac:dyDescent="0.35">
      <c r="B143" s="14"/>
      <c r="C143" s="14"/>
      <c r="D143" s="14"/>
      <c r="E143" s="14"/>
      <c r="F143" s="15"/>
      <c r="G143" s="14"/>
      <c r="H143" s="14"/>
      <c r="I143" s="14"/>
      <c r="J143" s="14"/>
      <c r="K143" s="14"/>
    </row>
    <row r="144" spans="2:11" x14ac:dyDescent="0.35">
      <c r="B144" s="14"/>
      <c r="C144" s="14"/>
      <c r="D144" s="14"/>
      <c r="E144" s="14"/>
      <c r="F144" s="15"/>
      <c r="G144" s="14"/>
      <c r="H144" s="14"/>
      <c r="I144" s="14"/>
      <c r="J144" s="14"/>
      <c r="K144" s="14"/>
    </row>
    <row r="145" spans="2:6" x14ac:dyDescent="0.35">
      <c r="B145" s="14"/>
      <c r="C145" s="14"/>
      <c r="D145" s="14"/>
      <c r="E145" s="14"/>
      <c r="F145" s="15"/>
    </row>
    <row r="146" spans="2:6" x14ac:dyDescent="0.35">
      <c r="B146" s="14"/>
      <c r="C146" s="14"/>
      <c r="D146" s="14"/>
      <c r="E146" s="14"/>
      <c r="F146" s="15"/>
    </row>
    <row r="147" spans="2:6" x14ac:dyDescent="0.35">
      <c r="B147" s="14"/>
      <c r="C147" s="14"/>
      <c r="D147" s="14"/>
      <c r="E147" s="14"/>
      <c r="F147" s="15"/>
    </row>
    <row r="148" spans="2:6" x14ac:dyDescent="0.35">
      <c r="B148" s="14"/>
      <c r="C148" s="14"/>
      <c r="D148" s="14"/>
      <c r="E148" s="14"/>
      <c r="F148" s="15"/>
    </row>
    <row r="149" spans="2:6" x14ac:dyDescent="0.35">
      <c r="B149" s="14"/>
      <c r="C149" s="14"/>
      <c r="D149" s="14"/>
      <c r="E149" s="14"/>
      <c r="F149" s="15"/>
    </row>
    <row r="150" spans="2:6" x14ac:dyDescent="0.35">
      <c r="B150" s="14"/>
      <c r="C150" s="14"/>
      <c r="D150" s="14"/>
      <c r="E150" s="14"/>
      <c r="F150" s="15"/>
    </row>
    <row r="151" spans="2:6" x14ac:dyDescent="0.35">
      <c r="B151" s="14"/>
      <c r="C151" s="14"/>
      <c r="D151" s="14"/>
      <c r="E151" s="14"/>
      <c r="F151" s="15"/>
    </row>
    <row r="152" spans="2:6" x14ac:dyDescent="0.35">
      <c r="B152" s="14"/>
      <c r="C152" s="14"/>
      <c r="D152" s="14"/>
      <c r="E152" s="14"/>
      <c r="F152" s="15"/>
    </row>
    <row r="153" spans="2:6" x14ac:dyDescent="0.35">
      <c r="B153" s="14"/>
      <c r="C153" s="14"/>
      <c r="D153" s="14"/>
      <c r="E153" s="14"/>
      <c r="F153" s="15"/>
    </row>
    <row r="154" spans="2:6" x14ac:dyDescent="0.35">
      <c r="B154" s="14"/>
      <c r="C154" s="14"/>
      <c r="D154" s="14"/>
      <c r="E154" s="14"/>
      <c r="F154" s="15"/>
    </row>
    <row r="155" spans="2:6" x14ac:dyDescent="0.35">
      <c r="B155" s="14"/>
      <c r="C155" s="14"/>
      <c r="D155" s="14"/>
      <c r="E155" s="14"/>
      <c r="F155" s="15"/>
    </row>
    <row r="156" spans="2:6" x14ac:dyDescent="0.35">
      <c r="B156" s="14"/>
      <c r="C156" s="14"/>
      <c r="D156" s="14"/>
      <c r="E156" s="14"/>
      <c r="F156" s="15"/>
    </row>
    <row r="157" spans="2:6" x14ac:dyDescent="0.35">
      <c r="B157" s="14"/>
      <c r="C157" s="14"/>
      <c r="D157" s="14"/>
      <c r="E157" s="14"/>
      <c r="F157" s="15"/>
    </row>
    <row r="158" spans="2:6" x14ac:dyDescent="0.35">
      <c r="B158" s="14"/>
      <c r="C158" s="14"/>
      <c r="D158" s="14"/>
      <c r="E158" s="14"/>
      <c r="F158" s="15"/>
    </row>
    <row r="159" spans="2:6" x14ac:dyDescent="0.35">
      <c r="B159" s="14"/>
      <c r="C159" s="14"/>
      <c r="D159" s="14"/>
      <c r="E159" s="14"/>
      <c r="F159" s="15"/>
    </row>
    <row r="160" spans="2:6" x14ac:dyDescent="0.35">
      <c r="B160" s="14"/>
      <c r="C160" s="14"/>
      <c r="D160" s="14"/>
      <c r="E160" s="14"/>
      <c r="F160" s="15"/>
    </row>
    <row r="161" spans="2:6" x14ac:dyDescent="0.35">
      <c r="B161" s="14"/>
      <c r="C161" s="14"/>
      <c r="D161" s="14"/>
      <c r="E161" s="14"/>
      <c r="F161" s="15"/>
    </row>
    <row r="162" spans="2:6" x14ac:dyDescent="0.35">
      <c r="B162" s="14"/>
      <c r="C162" s="14"/>
      <c r="D162" s="14"/>
      <c r="E162" s="14"/>
      <c r="F162" s="15"/>
    </row>
    <row r="163" spans="2:6" x14ac:dyDescent="0.35">
      <c r="B163" s="14"/>
      <c r="C163" s="14"/>
      <c r="D163" s="14"/>
      <c r="E163" s="14"/>
      <c r="F163" s="15"/>
    </row>
    <row r="164" spans="2:6" x14ac:dyDescent="0.35">
      <c r="B164" s="14"/>
      <c r="C164" s="14"/>
      <c r="D164" s="14"/>
      <c r="E164" s="14"/>
      <c r="F164" s="15"/>
    </row>
    <row r="165" spans="2:6" x14ac:dyDescent="0.35">
      <c r="B165" s="14"/>
      <c r="C165" s="14"/>
      <c r="D165" s="14"/>
      <c r="E165" s="14"/>
      <c r="F165" s="15"/>
    </row>
    <row r="166" spans="2:6" x14ac:dyDescent="0.35">
      <c r="B166" s="14"/>
      <c r="C166" s="14"/>
      <c r="D166" s="14"/>
      <c r="E166" s="14"/>
      <c r="F166" s="15"/>
    </row>
    <row r="167" spans="2:6" x14ac:dyDescent="0.35">
      <c r="B167" s="14"/>
      <c r="C167" s="14"/>
      <c r="D167" s="14"/>
      <c r="E167" s="14"/>
      <c r="F167" s="15"/>
    </row>
    <row r="168" spans="2:6" x14ac:dyDescent="0.35">
      <c r="B168" s="14"/>
      <c r="C168" s="14"/>
      <c r="D168" s="14"/>
      <c r="E168" s="14"/>
      <c r="F168" s="15"/>
    </row>
    <row r="169" spans="2:6" x14ac:dyDescent="0.35">
      <c r="B169" s="14"/>
      <c r="C169" s="14"/>
      <c r="D169" s="14"/>
      <c r="E169" s="14"/>
      <c r="F169" s="15"/>
    </row>
    <row r="170" spans="2:6" x14ac:dyDescent="0.35">
      <c r="B170" s="14"/>
      <c r="C170" s="14"/>
      <c r="D170" s="14"/>
      <c r="E170" s="14"/>
      <c r="F170" s="15"/>
    </row>
    <row r="171" spans="2:6" x14ac:dyDescent="0.35">
      <c r="B171" s="14"/>
      <c r="C171" s="14"/>
      <c r="D171" s="14"/>
      <c r="E171" s="14"/>
      <c r="F171" s="15"/>
    </row>
    <row r="172" spans="2:6" x14ac:dyDescent="0.35">
      <c r="B172" s="14"/>
      <c r="C172" s="14"/>
      <c r="D172" s="14"/>
      <c r="E172" s="14"/>
      <c r="F172" s="15"/>
    </row>
    <row r="173" spans="2:6" x14ac:dyDescent="0.35">
      <c r="B173" s="14"/>
      <c r="C173" s="14"/>
      <c r="D173" s="14"/>
      <c r="E173" s="14"/>
      <c r="F173" s="15"/>
    </row>
    <row r="174" spans="2:6" x14ac:dyDescent="0.35">
      <c r="B174" s="14"/>
      <c r="C174" s="14"/>
      <c r="D174" s="14"/>
      <c r="E174" s="14"/>
      <c r="F174" s="15"/>
    </row>
    <row r="175" spans="2:6" x14ac:dyDescent="0.35">
      <c r="B175" s="14"/>
      <c r="C175" s="14"/>
      <c r="D175" s="14"/>
      <c r="E175" s="14"/>
      <c r="F175" s="15"/>
    </row>
    <row r="176" spans="2:6" x14ac:dyDescent="0.35">
      <c r="B176" s="14"/>
      <c r="C176" s="14"/>
      <c r="D176" s="14"/>
      <c r="E176" s="14"/>
      <c r="F176" s="15"/>
    </row>
    <row r="177" spans="2:6" x14ac:dyDescent="0.35">
      <c r="B177" s="14"/>
      <c r="C177" s="14"/>
      <c r="D177" s="14"/>
      <c r="E177" s="14"/>
      <c r="F177" s="15"/>
    </row>
    <row r="178" spans="2:6" x14ac:dyDescent="0.35">
      <c r="B178" s="14"/>
      <c r="C178" s="14"/>
      <c r="D178" s="14"/>
      <c r="E178" s="14"/>
      <c r="F178" s="15"/>
    </row>
    <row r="179" spans="2:6" x14ac:dyDescent="0.35">
      <c r="B179" s="14"/>
      <c r="C179" s="14"/>
      <c r="D179" s="14"/>
      <c r="E179" s="14"/>
      <c r="F179" s="15"/>
    </row>
  </sheetData>
  <sortState xmlns:xlrd2="http://schemas.microsoft.com/office/spreadsheetml/2017/richdata2" ref="B8:B35">
    <sortCondition ref="B8:B35"/>
  </sortState>
  <phoneticPr fontId="0" type="noConversion"/>
  <conditionalFormatting sqref="D8">
    <cfRule type="duplicateValues" dxfId="522" priority="751" stopIfTrue="1"/>
  </conditionalFormatting>
  <conditionalFormatting sqref="D9">
    <cfRule type="duplicateValues" dxfId="521" priority="750" stopIfTrue="1"/>
  </conditionalFormatting>
  <conditionalFormatting sqref="D10">
    <cfRule type="duplicateValues" dxfId="520" priority="749" stopIfTrue="1"/>
  </conditionalFormatting>
  <conditionalFormatting sqref="D11">
    <cfRule type="duplicateValues" dxfId="519" priority="748" stopIfTrue="1"/>
  </conditionalFormatting>
  <conditionalFormatting sqref="D12">
    <cfRule type="duplicateValues" dxfId="518" priority="747" stopIfTrue="1"/>
  </conditionalFormatting>
  <conditionalFormatting sqref="D13">
    <cfRule type="duplicateValues" dxfId="517" priority="746" stopIfTrue="1"/>
  </conditionalFormatting>
  <conditionalFormatting sqref="D14">
    <cfRule type="duplicateValues" dxfId="516" priority="745" stopIfTrue="1"/>
  </conditionalFormatting>
  <conditionalFormatting sqref="D15">
    <cfRule type="duplicateValues" dxfId="515" priority="744" stopIfTrue="1"/>
  </conditionalFormatting>
  <conditionalFormatting sqref="D16">
    <cfRule type="duplicateValues" dxfId="514" priority="743" stopIfTrue="1"/>
  </conditionalFormatting>
  <conditionalFormatting sqref="D17">
    <cfRule type="duplicateValues" dxfId="513" priority="238"/>
  </conditionalFormatting>
  <conditionalFormatting sqref="D18">
    <cfRule type="duplicateValues" dxfId="512" priority="237"/>
  </conditionalFormatting>
  <conditionalFormatting sqref="D19">
    <cfRule type="duplicateValues" dxfId="511" priority="236"/>
  </conditionalFormatting>
  <conditionalFormatting sqref="D21">
    <cfRule type="duplicateValues" dxfId="510" priority="235"/>
  </conditionalFormatting>
  <conditionalFormatting sqref="D22">
    <cfRule type="duplicateValues" dxfId="509" priority="234"/>
  </conditionalFormatting>
  <conditionalFormatting sqref="D23">
    <cfRule type="duplicateValues" dxfId="508" priority="233"/>
  </conditionalFormatting>
  <conditionalFormatting sqref="D24">
    <cfRule type="duplicateValues" dxfId="507" priority="232"/>
  </conditionalFormatting>
  <conditionalFormatting sqref="D25">
    <cfRule type="duplicateValues" dxfId="506" priority="231"/>
  </conditionalFormatting>
  <conditionalFormatting sqref="D26">
    <cfRule type="duplicateValues" dxfId="505" priority="230"/>
  </conditionalFormatting>
  <conditionalFormatting sqref="D27">
    <cfRule type="duplicateValues" dxfId="504" priority="229"/>
  </conditionalFormatting>
  <conditionalFormatting sqref="D28">
    <cfRule type="duplicateValues" dxfId="503" priority="228"/>
  </conditionalFormatting>
  <conditionalFormatting sqref="D29">
    <cfRule type="duplicateValues" dxfId="502" priority="226"/>
  </conditionalFormatting>
  <conditionalFormatting sqref="D31">
    <cfRule type="duplicateValues" dxfId="501" priority="225"/>
  </conditionalFormatting>
  <conditionalFormatting sqref="D32">
    <cfRule type="duplicateValues" dxfId="500" priority="223"/>
  </conditionalFormatting>
  <conditionalFormatting sqref="D33">
    <cfRule type="duplicateValues" dxfId="499" priority="224"/>
  </conditionalFormatting>
  <conditionalFormatting sqref="D34">
    <cfRule type="duplicateValues" dxfId="498" priority="222"/>
  </conditionalFormatting>
  <conditionalFormatting sqref="D35">
    <cfRule type="duplicateValues" dxfId="497" priority="221"/>
  </conditionalFormatting>
  <conditionalFormatting sqref="D40">
    <cfRule type="duplicateValues" dxfId="496" priority="93"/>
    <cfRule type="duplicateValues" dxfId="495" priority="94"/>
  </conditionalFormatting>
  <conditionalFormatting sqref="D41">
    <cfRule type="duplicateValues" dxfId="494" priority="92"/>
    <cfRule type="duplicateValues" dxfId="493" priority="91"/>
  </conditionalFormatting>
  <conditionalFormatting sqref="D42">
    <cfRule type="duplicateValues" dxfId="492" priority="90"/>
  </conditionalFormatting>
  <conditionalFormatting sqref="D43">
    <cfRule type="duplicateValues" dxfId="491" priority="89"/>
  </conditionalFormatting>
  <conditionalFormatting sqref="D44">
    <cfRule type="duplicateValues" dxfId="490" priority="88"/>
  </conditionalFormatting>
  <conditionalFormatting sqref="D46">
    <cfRule type="duplicateValues" dxfId="489" priority="87"/>
  </conditionalFormatting>
  <conditionalFormatting sqref="D47">
    <cfRule type="duplicateValues" dxfId="488" priority="86"/>
  </conditionalFormatting>
  <conditionalFormatting sqref="D48">
    <cfRule type="duplicateValues" dxfId="487" priority="84"/>
  </conditionalFormatting>
  <conditionalFormatting sqref="D49">
    <cfRule type="duplicateValues" dxfId="486" priority="85"/>
  </conditionalFormatting>
  <conditionalFormatting sqref="D50">
    <cfRule type="duplicateValues" dxfId="485" priority="54"/>
  </conditionalFormatting>
  <conditionalFormatting sqref="D51">
    <cfRule type="duplicateValues" dxfId="484" priority="83"/>
    <cfRule type="duplicateValues" dxfId="483" priority="82"/>
  </conditionalFormatting>
  <conditionalFormatting sqref="D52">
    <cfRule type="duplicateValues" dxfId="482" priority="81"/>
  </conditionalFormatting>
  <conditionalFormatting sqref="D53">
    <cfRule type="duplicateValues" dxfId="481" priority="80"/>
  </conditionalFormatting>
  <conditionalFormatting sqref="D54">
    <cfRule type="duplicateValues" dxfId="480" priority="79"/>
  </conditionalFormatting>
  <conditionalFormatting sqref="D55">
    <cfRule type="duplicateValues" dxfId="479" priority="78"/>
  </conditionalFormatting>
  <conditionalFormatting sqref="D56">
    <cfRule type="duplicateValues" dxfId="478" priority="77"/>
  </conditionalFormatting>
  <conditionalFormatting sqref="D57">
    <cfRule type="duplicateValues" dxfId="477" priority="40"/>
  </conditionalFormatting>
  <conditionalFormatting sqref="D58">
    <cfRule type="duplicateValues" dxfId="476" priority="53"/>
  </conditionalFormatting>
  <conditionalFormatting sqref="D60">
    <cfRule type="duplicateValues" dxfId="475" priority="76"/>
  </conditionalFormatting>
  <conditionalFormatting sqref="D61">
    <cfRule type="duplicateValues" dxfId="474" priority="75"/>
  </conditionalFormatting>
  <conditionalFormatting sqref="D62">
    <cfRule type="duplicateValues" dxfId="473" priority="74"/>
  </conditionalFormatting>
  <conditionalFormatting sqref="D63">
    <cfRule type="duplicateValues" dxfId="472" priority="73"/>
  </conditionalFormatting>
  <conditionalFormatting sqref="D64">
    <cfRule type="duplicateValues" dxfId="471" priority="48"/>
    <cfRule type="duplicateValues" dxfId="470" priority="47"/>
  </conditionalFormatting>
  <conditionalFormatting sqref="D65">
    <cfRule type="duplicateValues" dxfId="469" priority="69"/>
    <cfRule type="duplicateValues" dxfId="468" priority="70"/>
  </conditionalFormatting>
  <conditionalFormatting sqref="D66">
    <cfRule type="duplicateValues" dxfId="467" priority="72"/>
  </conditionalFormatting>
  <conditionalFormatting sqref="D66:D67">
    <cfRule type="duplicateValues" dxfId="466" priority="71"/>
  </conditionalFormatting>
  <conditionalFormatting sqref="D67">
    <cfRule type="duplicateValues" dxfId="465" priority="351" stopIfTrue="1"/>
  </conditionalFormatting>
  <conditionalFormatting sqref="H8">
    <cfRule type="duplicateValues" dxfId="464" priority="220"/>
  </conditionalFormatting>
  <conditionalFormatting sqref="H9">
    <cfRule type="duplicateValues" dxfId="463" priority="219"/>
  </conditionalFormatting>
  <conditionalFormatting sqref="H10">
    <cfRule type="duplicateValues" dxfId="462" priority="218"/>
    <cfRule type="duplicateValues" dxfId="461" priority="217"/>
  </conditionalFormatting>
  <conditionalFormatting sqref="H11">
    <cfRule type="duplicateValues" dxfId="460" priority="216"/>
  </conditionalFormatting>
  <conditionalFormatting sqref="H12">
    <cfRule type="duplicateValues" dxfId="459" priority="215"/>
  </conditionalFormatting>
  <conditionalFormatting sqref="H13">
    <cfRule type="duplicateValues" dxfId="458" priority="214"/>
  </conditionalFormatting>
  <conditionalFormatting sqref="H14">
    <cfRule type="duplicateValues" dxfId="457" priority="213"/>
  </conditionalFormatting>
  <conditionalFormatting sqref="H15">
    <cfRule type="duplicateValues" dxfId="456" priority="212"/>
  </conditionalFormatting>
  <conditionalFormatting sqref="H16">
    <cfRule type="duplicateValues" dxfId="455" priority="211"/>
  </conditionalFormatting>
  <conditionalFormatting sqref="H17">
    <cfRule type="duplicateValues" dxfId="454" priority="210"/>
  </conditionalFormatting>
  <conditionalFormatting sqref="H18">
    <cfRule type="duplicateValues" dxfId="453" priority="209"/>
  </conditionalFormatting>
  <conditionalFormatting sqref="H19">
    <cfRule type="duplicateValues" dxfId="452" priority="208"/>
  </conditionalFormatting>
  <conditionalFormatting sqref="H20">
    <cfRule type="duplicateValues" dxfId="451" priority="207"/>
  </conditionalFormatting>
  <conditionalFormatting sqref="H21">
    <cfRule type="duplicateValues" dxfId="450" priority="206"/>
  </conditionalFormatting>
  <conditionalFormatting sqref="H22">
    <cfRule type="duplicateValues" dxfId="449" priority="205"/>
  </conditionalFormatting>
  <conditionalFormatting sqref="H23">
    <cfRule type="duplicateValues" dxfId="448" priority="204"/>
  </conditionalFormatting>
  <conditionalFormatting sqref="H24">
    <cfRule type="duplicateValues" dxfId="447" priority="203"/>
  </conditionalFormatting>
  <conditionalFormatting sqref="H25">
    <cfRule type="duplicateValues" dxfId="446" priority="202"/>
  </conditionalFormatting>
  <conditionalFormatting sqref="H26">
    <cfRule type="duplicateValues" dxfId="445" priority="201"/>
  </conditionalFormatting>
  <conditionalFormatting sqref="H27">
    <cfRule type="duplicateValues" dxfId="444" priority="200"/>
  </conditionalFormatting>
  <conditionalFormatting sqref="H28">
    <cfRule type="duplicateValues" dxfId="443" priority="199"/>
  </conditionalFormatting>
  <conditionalFormatting sqref="H29">
    <cfRule type="duplicateValues" dxfId="442" priority="198"/>
  </conditionalFormatting>
  <conditionalFormatting sqref="H30">
    <cfRule type="duplicateValues" dxfId="441" priority="197"/>
  </conditionalFormatting>
  <conditionalFormatting sqref="H31">
    <cfRule type="duplicateValues" dxfId="440" priority="196"/>
  </conditionalFormatting>
  <conditionalFormatting sqref="H32">
    <cfRule type="duplicateValues" dxfId="439" priority="195"/>
  </conditionalFormatting>
  <conditionalFormatting sqref="H33">
    <cfRule type="duplicateValues" dxfId="438" priority="194"/>
  </conditionalFormatting>
  <conditionalFormatting sqref="H34">
    <cfRule type="duplicateValues" dxfId="437" priority="191"/>
  </conditionalFormatting>
  <conditionalFormatting sqref="H35">
    <cfRule type="duplicateValues" dxfId="436" priority="193"/>
    <cfRule type="duplicateValues" dxfId="435" priority="192"/>
  </conditionalFormatting>
  <conditionalFormatting sqref="H40">
    <cfRule type="duplicateValues" dxfId="434" priority="65"/>
  </conditionalFormatting>
  <conditionalFormatting sqref="H41">
    <cfRule type="duplicateValues" dxfId="433" priority="68"/>
  </conditionalFormatting>
  <conditionalFormatting sqref="H42">
    <cfRule type="duplicateValues" dxfId="432" priority="67"/>
  </conditionalFormatting>
  <conditionalFormatting sqref="H43">
    <cfRule type="duplicateValues" dxfId="431" priority="63"/>
  </conditionalFormatting>
  <conditionalFormatting sqref="H44">
    <cfRule type="duplicateValues" dxfId="430" priority="64"/>
  </conditionalFormatting>
  <conditionalFormatting sqref="H45">
    <cfRule type="duplicateValues" dxfId="429" priority="66"/>
  </conditionalFormatting>
  <conditionalFormatting sqref="H46">
    <cfRule type="duplicateValues" dxfId="428" priority="62"/>
  </conditionalFormatting>
  <conditionalFormatting sqref="H47">
    <cfRule type="duplicateValues" dxfId="427" priority="56"/>
    <cfRule type="duplicateValues" dxfId="426" priority="55"/>
  </conditionalFormatting>
  <conditionalFormatting sqref="H48">
    <cfRule type="duplicateValues" dxfId="425" priority="58"/>
  </conditionalFormatting>
  <conditionalFormatting sqref="H49">
    <cfRule type="duplicateValues" dxfId="424" priority="57"/>
  </conditionalFormatting>
  <conditionalFormatting sqref="H50">
    <cfRule type="duplicateValues" dxfId="423" priority="61"/>
  </conditionalFormatting>
  <conditionalFormatting sqref="H51">
    <cfRule type="duplicateValues" dxfId="422" priority="50"/>
  </conditionalFormatting>
  <conditionalFormatting sqref="H53">
    <cfRule type="duplicateValues" dxfId="421" priority="52"/>
  </conditionalFormatting>
  <conditionalFormatting sqref="H54">
    <cfRule type="duplicateValues" dxfId="420" priority="51"/>
  </conditionalFormatting>
  <conditionalFormatting sqref="H55">
    <cfRule type="duplicateValues" dxfId="419" priority="49"/>
  </conditionalFormatting>
  <conditionalFormatting sqref="H56">
    <cfRule type="duplicateValues" dxfId="418" priority="35"/>
  </conditionalFormatting>
  <conditionalFormatting sqref="H57">
    <cfRule type="duplicateValues" dxfId="417" priority="38"/>
    <cfRule type="duplicateValues" dxfId="416" priority="37"/>
  </conditionalFormatting>
  <conditionalFormatting sqref="H58">
    <cfRule type="duplicateValues" dxfId="415" priority="39"/>
  </conditionalFormatting>
  <conditionalFormatting sqref="H59">
    <cfRule type="duplicateValues" dxfId="414" priority="44"/>
  </conditionalFormatting>
  <conditionalFormatting sqref="H60">
    <cfRule type="duplicateValues" dxfId="413" priority="46"/>
  </conditionalFormatting>
  <conditionalFormatting sqref="H61">
    <cfRule type="duplicateValues" dxfId="412" priority="42"/>
  </conditionalFormatting>
  <conditionalFormatting sqref="H62">
    <cfRule type="duplicateValues" dxfId="411" priority="45"/>
  </conditionalFormatting>
  <conditionalFormatting sqref="H63">
    <cfRule type="duplicateValues" dxfId="410" priority="43"/>
  </conditionalFormatting>
  <conditionalFormatting sqref="H65">
    <cfRule type="duplicateValues" dxfId="409" priority="34"/>
  </conditionalFormatting>
  <conditionalFormatting sqref="H66">
    <cfRule type="duplicateValues" dxfId="408" priority="41"/>
  </conditionalFormatting>
  <conditionalFormatting sqref="H67">
    <cfRule type="duplicateValues" dxfId="407" priority="36"/>
  </conditionalFormatting>
  <conditionalFormatting sqref="L8">
    <cfRule type="duplicateValues" dxfId="406" priority="190"/>
  </conditionalFormatting>
  <conditionalFormatting sqref="L9">
    <cfRule type="duplicateValues" dxfId="405" priority="189"/>
  </conditionalFormatting>
  <conditionalFormatting sqref="L10">
    <cfRule type="duplicateValues" dxfId="404" priority="188"/>
  </conditionalFormatting>
  <conditionalFormatting sqref="L11">
    <cfRule type="duplicateValues" dxfId="403" priority="187"/>
  </conditionalFormatting>
  <conditionalFormatting sqref="L12">
    <cfRule type="duplicateValues" dxfId="402" priority="186"/>
  </conditionalFormatting>
  <conditionalFormatting sqref="L13">
    <cfRule type="duplicateValues" dxfId="401" priority="185"/>
  </conditionalFormatting>
  <conditionalFormatting sqref="L14">
    <cfRule type="duplicateValues" dxfId="400" priority="184"/>
  </conditionalFormatting>
  <conditionalFormatting sqref="L15">
    <cfRule type="duplicateValues" dxfId="399" priority="183"/>
  </conditionalFormatting>
  <conditionalFormatting sqref="L17">
    <cfRule type="duplicateValues" dxfId="398" priority="182"/>
  </conditionalFormatting>
  <conditionalFormatting sqref="L18">
    <cfRule type="duplicateValues" dxfId="397" priority="180"/>
  </conditionalFormatting>
  <conditionalFormatting sqref="L19">
    <cfRule type="duplicateValues" dxfId="396" priority="177"/>
  </conditionalFormatting>
  <conditionalFormatting sqref="L20">
    <cfRule type="duplicateValues" dxfId="395" priority="179"/>
  </conditionalFormatting>
  <conditionalFormatting sqref="L21">
    <cfRule type="duplicateValues" dxfId="394" priority="176"/>
  </conditionalFormatting>
  <conditionalFormatting sqref="L22">
    <cfRule type="duplicateValues" dxfId="393" priority="175"/>
  </conditionalFormatting>
  <conditionalFormatting sqref="L23">
    <cfRule type="duplicateValues" dxfId="392" priority="173"/>
    <cfRule type="duplicateValues" dxfId="391" priority="174"/>
  </conditionalFormatting>
  <conditionalFormatting sqref="L24">
    <cfRule type="duplicateValues" dxfId="390" priority="172"/>
  </conditionalFormatting>
  <conditionalFormatting sqref="L25">
    <cfRule type="duplicateValues" dxfId="389" priority="171"/>
  </conditionalFormatting>
  <conditionalFormatting sqref="L27">
    <cfRule type="duplicateValues" dxfId="388" priority="170"/>
  </conditionalFormatting>
  <conditionalFormatting sqref="L28">
    <cfRule type="duplicateValues" dxfId="387" priority="169"/>
  </conditionalFormatting>
  <conditionalFormatting sqref="L29">
    <cfRule type="duplicateValues" dxfId="386" priority="168"/>
  </conditionalFormatting>
  <conditionalFormatting sqref="L30">
    <cfRule type="duplicateValues" dxfId="385" priority="167"/>
  </conditionalFormatting>
  <conditionalFormatting sqref="L31">
    <cfRule type="duplicateValues" dxfId="384" priority="166"/>
  </conditionalFormatting>
  <conditionalFormatting sqref="L32">
    <cfRule type="duplicateValues" dxfId="383" priority="165"/>
  </conditionalFormatting>
  <conditionalFormatting sqref="L33">
    <cfRule type="duplicateValues" dxfId="382" priority="164"/>
  </conditionalFormatting>
  <conditionalFormatting sqref="L34">
    <cfRule type="duplicateValues" dxfId="381" priority="162"/>
  </conditionalFormatting>
  <conditionalFormatting sqref="L35">
    <cfRule type="duplicateValues" dxfId="380" priority="163"/>
  </conditionalFormatting>
  <conditionalFormatting sqref="L41">
    <cfRule type="duplicateValues" dxfId="379" priority="33"/>
  </conditionalFormatting>
  <conditionalFormatting sqref="L42">
    <cfRule type="duplicateValues" dxfId="378" priority="24"/>
  </conditionalFormatting>
  <conditionalFormatting sqref="L43">
    <cfRule type="duplicateValues" dxfId="377" priority="17"/>
  </conditionalFormatting>
  <conditionalFormatting sqref="L44">
    <cfRule type="duplicateValues" dxfId="376" priority="27"/>
    <cfRule type="duplicateValues" dxfId="375" priority="25"/>
    <cfRule type="duplicateValues" dxfId="374" priority="26"/>
    <cfRule type="duplicateValues" dxfId="373" priority="28"/>
  </conditionalFormatting>
  <conditionalFormatting sqref="L45">
    <cfRule type="duplicateValues" dxfId="372" priority="16"/>
  </conditionalFormatting>
  <conditionalFormatting sqref="L46">
    <cfRule type="duplicateValues" dxfId="371" priority="32"/>
  </conditionalFormatting>
  <conditionalFormatting sqref="L47">
    <cfRule type="duplicateValues" dxfId="370" priority="30"/>
  </conditionalFormatting>
  <conditionalFormatting sqref="L48">
    <cfRule type="duplicateValues" dxfId="369" priority="31"/>
  </conditionalFormatting>
  <conditionalFormatting sqref="L49">
    <cfRule type="duplicateValues" dxfId="368" priority="29"/>
  </conditionalFormatting>
  <conditionalFormatting sqref="L50">
    <cfRule type="duplicateValues" dxfId="367" priority="18"/>
  </conditionalFormatting>
  <conditionalFormatting sqref="L51">
    <cfRule type="duplicateValues" dxfId="366" priority="19"/>
  </conditionalFormatting>
  <conditionalFormatting sqref="L52">
    <cfRule type="duplicateValues" dxfId="365" priority="310" stopIfTrue="1"/>
  </conditionalFormatting>
  <conditionalFormatting sqref="L53">
    <cfRule type="duplicateValues" dxfId="364" priority="21"/>
  </conditionalFormatting>
  <conditionalFormatting sqref="L54">
    <cfRule type="duplicateValues" dxfId="363" priority="20"/>
  </conditionalFormatting>
  <conditionalFormatting sqref="L55">
    <cfRule type="duplicateValues" dxfId="362" priority="22"/>
    <cfRule type="duplicateValues" dxfId="361" priority="23"/>
  </conditionalFormatting>
  <conditionalFormatting sqref="L58">
    <cfRule type="duplicateValues" dxfId="360" priority="15"/>
  </conditionalFormatting>
  <conditionalFormatting sqref="L59">
    <cfRule type="duplicateValues" dxfId="359" priority="14"/>
  </conditionalFormatting>
  <conditionalFormatting sqref="L61">
    <cfRule type="duplicateValues" dxfId="358" priority="10"/>
  </conditionalFormatting>
  <conditionalFormatting sqref="L62">
    <cfRule type="duplicateValues" dxfId="357" priority="12"/>
  </conditionalFormatting>
  <conditionalFormatting sqref="L63">
    <cfRule type="duplicateValues" dxfId="356" priority="13"/>
  </conditionalFormatting>
  <conditionalFormatting sqref="L66">
    <cfRule type="duplicateValues" dxfId="355" priority="9"/>
  </conditionalFormatting>
  <conditionalFormatting sqref="L67">
    <cfRule type="duplicateValues" dxfId="354" priority="11"/>
  </conditionalFormatting>
  <conditionalFormatting sqref="P8">
    <cfRule type="duplicateValues" dxfId="353" priority="161"/>
  </conditionalFormatting>
  <conditionalFormatting sqref="P9">
    <cfRule type="duplicateValues" dxfId="352" priority="160"/>
  </conditionalFormatting>
  <conditionalFormatting sqref="P10">
    <cfRule type="duplicateValues" dxfId="351" priority="158"/>
    <cfRule type="duplicateValues" dxfId="350" priority="159"/>
  </conditionalFormatting>
  <conditionalFormatting sqref="P11">
    <cfRule type="duplicateValues" dxfId="349" priority="156"/>
    <cfRule type="duplicateValues" dxfId="348" priority="157"/>
  </conditionalFormatting>
  <conditionalFormatting sqref="P12">
    <cfRule type="duplicateValues" dxfId="347" priority="155"/>
  </conditionalFormatting>
  <conditionalFormatting sqref="P13">
    <cfRule type="duplicateValues" dxfId="346" priority="154"/>
  </conditionalFormatting>
  <conditionalFormatting sqref="P14">
    <cfRule type="duplicateValues" dxfId="345" priority="153"/>
  </conditionalFormatting>
  <conditionalFormatting sqref="P15">
    <cfRule type="duplicateValues" dxfId="344" priority="146"/>
  </conditionalFormatting>
  <conditionalFormatting sqref="P16">
    <cfRule type="duplicateValues" dxfId="343" priority="152"/>
  </conditionalFormatting>
  <conditionalFormatting sqref="P17">
    <cfRule type="duplicateValues" dxfId="342" priority="151"/>
    <cfRule type="duplicateValues" dxfId="341" priority="150"/>
  </conditionalFormatting>
  <conditionalFormatting sqref="P18">
    <cfRule type="duplicateValues" dxfId="340" priority="149"/>
  </conditionalFormatting>
  <conditionalFormatting sqref="P19">
    <cfRule type="duplicateValues" dxfId="339" priority="148"/>
  </conditionalFormatting>
  <conditionalFormatting sqref="P20">
    <cfRule type="duplicateValues" dxfId="338" priority="147"/>
  </conditionalFormatting>
  <conditionalFormatting sqref="P21">
    <cfRule type="duplicateValues" dxfId="337" priority="145"/>
  </conditionalFormatting>
  <conditionalFormatting sqref="P22">
    <cfRule type="duplicateValues" dxfId="336" priority="144"/>
  </conditionalFormatting>
  <conditionalFormatting sqref="P23">
    <cfRule type="duplicateValues" dxfId="335" priority="143"/>
  </conditionalFormatting>
  <conditionalFormatting sqref="P24">
    <cfRule type="duplicateValues" dxfId="334" priority="142"/>
  </conditionalFormatting>
  <conditionalFormatting sqref="P25">
    <cfRule type="duplicateValues" dxfId="333" priority="141"/>
  </conditionalFormatting>
  <conditionalFormatting sqref="P26">
    <cfRule type="duplicateValues" dxfId="332" priority="138"/>
    <cfRule type="duplicateValues" dxfId="331" priority="137"/>
    <cfRule type="duplicateValues" dxfId="330" priority="139"/>
    <cfRule type="duplicateValues" dxfId="329" priority="140"/>
  </conditionalFormatting>
  <conditionalFormatting sqref="P27">
    <cfRule type="duplicateValues" dxfId="328" priority="136"/>
  </conditionalFormatting>
  <conditionalFormatting sqref="P28">
    <cfRule type="duplicateValues" dxfId="327" priority="133"/>
    <cfRule type="duplicateValues" dxfId="326" priority="134"/>
    <cfRule type="duplicateValues" dxfId="325" priority="135"/>
  </conditionalFormatting>
  <conditionalFormatting sqref="P29">
    <cfRule type="duplicateValues" dxfId="324" priority="132"/>
  </conditionalFormatting>
  <conditionalFormatting sqref="P31">
    <cfRule type="duplicateValues" dxfId="323" priority="131"/>
    <cfRule type="duplicateValues" dxfId="322" priority="130"/>
  </conditionalFormatting>
  <conditionalFormatting sqref="P32">
    <cfRule type="duplicateValues" dxfId="321" priority="129"/>
    <cfRule type="duplicateValues" dxfId="320" priority="128"/>
  </conditionalFormatting>
  <conditionalFormatting sqref="P33">
    <cfRule type="duplicateValues" dxfId="319" priority="125"/>
  </conditionalFormatting>
  <conditionalFormatting sqref="P34">
    <cfRule type="duplicateValues" dxfId="318" priority="127"/>
  </conditionalFormatting>
  <conditionalFormatting sqref="P35">
    <cfRule type="duplicateValues" dxfId="317" priority="126"/>
  </conditionalFormatting>
  <conditionalFormatting sqref="P40">
    <cfRule type="duplicateValues" dxfId="316" priority="8"/>
  </conditionalFormatting>
  <conditionalFormatting sqref="P43">
    <cfRule type="duplicateValues" dxfId="315" priority="2"/>
  </conditionalFormatting>
  <conditionalFormatting sqref="P44">
    <cfRule type="duplicateValues" dxfId="314" priority="7"/>
  </conditionalFormatting>
  <conditionalFormatting sqref="P46">
    <cfRule type="duplicateValues" dxfId="313" priority="1"/>
  </conditionalFormatting>
  <conditionalFormatting sqref="P48">
    <cfRule type="duplicateValues" dxfId="312" priority="5"/>
    <cfRule type="duplicateValues" dxfId="311" priority="4"/>
  </conditionalFormatting>
  <conditionalFormatting sqref="P49">
    <cfRule type="duplicateValues" dxfId="310" priority="3"/>
  </conditionalFormatting>
  <conditionalFormatting sqref="T8">
    <cfRule type="duplicateValues" dxfId="309" priority="124"/>
  </conditionalFormatting>
  <conditionalFormatting sqref="T9">
    <cfRule type="duplicateValues" dxfId="308" priority="123"/>
  </conditionalFormatting>
  <conditionalFormatting sqref="T10">
    <cfRule type="duplicateValues" dxfId="307" priority="122"/>
  </conditionalFormatting>
  <conditionalFormatting sqref="T11">
    <cfRule type="duplicateValues" dxfId="306" priority="121"/>
  </conditionalFormatting>
  <conditionalFormatting sqref="T12">
    <cfRule type="duplicateValues" dxfId="305" priority="120"/>
  </conditionalFormatting>
  <conditionalFormatting sqref="T13">
    <cfRule type="duplicateValues" dxfId="304" priority="119"/>
  </conditionalFormatting>
  <conditionalFormatting sqref="T14">
    <cfRule type="duplicateValues" dxfId="303" priority="118"/>
  </conditionalFormatting>
  <conditionalFormatting sqref="T15">
    <cfRule type="duplicateValues" dxfId="302" priority="117"/>
  </conditionalFormatting>
  <conditionalFormatting sqref="T17">
    <cfRule type="duplicateValues" dxfId="301" priority="116"/>
  </conditionalFormatting>
  <conditionalFormatting sqref="T18">
    <cfRule type="duplicateValues" dxfId="300" priority="115"/>
  </conditionalFormatting>
  <conditionalFormatting sqref="T19">
    <cfRule type="duplicateValues" dxfId="299" priority="114"/>
  </conditionalFormatting>
  <conditionalFormatting sqref="T20">
    <cfRule type="duplicateValues" dxfId="298" priority="113"/>
  </conditionalFormatting>
  <conditionalFormatting sqref="T21">
    <cfRule type="duplicateValues" dxfId="297" priority="112"/>
  </conditionalFormatting>
  <conditionalFormatting sqref="T22">
    <cfRule type="duplicateValues" dxfId="296" priority="111"/>
  </conditionalFormatting>
  <conditionalFormatting sqref="T23">
    <cfRule type="duplicateValues" dxfId="295" priority="110"/>
  </conditionalFormatting>
  <conditionalFormatting sqref="T24">
    <cfRule type="duplicateValues" dxfId="294" priority="107"/>
  </conditionalFormatting>
  <conditionalFormatting sqref="T25">
    <cfRule type="duplicateValues" dxfId="293" priority="105"/>
    <cfRule type="duplicateValues" dxfId="292" priority="106"/>
  </conditionalFormatting>
  <conditionalFormatting sqref="T26">
    <cfRule type="duplicateValues" dxfId="291" priority="108"/>
  </conditionalFormatting>
  <conditionalFormatting sqref="T27">
    <cfRule type="duplicateValues" dxfId="290" priority="104"/>
  </conditionalFormatting>
  <conditionalFormatting sqref="T28">
    <cfRule type="duplicateValues" dxfId="289" priority="103"/>
  </conditionalFormatting>
  <conditionalFormatting sqref="T29">
    <cfRule type="duplicateValues" dxfId="288" priority="102"/>
  </conditionalFormatting>
  <conditionalFormatting sqref="T30">
    <cfRule type="duplicateValues" dxfId="287" priority="100"/>
    <cfRule type="duplicateValues" dxfId="286" priority="101"/>
  </conditionalFormatting>
  <conditionalFormatting sqref="T31">
    <cfRule type="duplicateValues" dxfId="285" priority="99"/>
  </conditionalFormatting>
  <conditionalFormatting sqref="T32">
    <cfRule type="duplicateValues" dxfId="284" priority="98"/>
  </conditionalFormatting>
  <conditionalFormatting sqref="T33">
    <cfRule type="duplicateValues" dxfId="283" priority="97"/>
  </conditionalFormatting>
  <conditionalFormatting sqref="T34">
    <cfRule type="duplicateValues" dxfId="282" priority="96"/>
  </conditionalFormatting>
  <conditionalFormatting sqref="T35">
    <cfRule type="duplicateValues" dxfId="281" priority="95"/>
  </conditionalFormatting>
  <conditionalFormatting sqref="T43">
    <cfRule type="duplicateValues" dxfId="280" priority="262" stopIfTrue="1"/>
  </conditionalFormatting>
  <conditionalFormatting sqref="T44">
    <cfRule type="duplicateValues" dxfId="279" priority="261" stopIfTrue="1"/>
  </conditionalFormatting>
  <conditionalFormatting sqref="T49">
    <cfRule type="duplicateValues" dxfId="278" priority="257" stopIfTrue="1"/>
  </conditionalFormatting>
  <conditionalFormatting sqref="T52">
    <cfRule type="duplicateValues" dxfId="277" priority="254" stopIfTrue="1"/>
  </conditionalFormatting>
  <conditionalFormatting sqref="T55">
    <cfRule type="duplicateValues" dxfId="276" priority="251" stopIfTrue="1"/>
  </conditionalFormatting>
  <conditionalFormatting sqref="T59">
    <cfRule type="duplicateValues" dxfId="275" priority="247" stopIfTrue="1"/>
  </conditionalFormatting>
  <conditionalFormatting sqref="T60">
    <cfRule type="duplicateValues" dxfId="274" priority="246" stopIfTrue="1"/>
  </conditionalFormatting>
  <conditionalFormatting sqref="T62">
    <cfRule type="duplicateValues" dxfId="273" priority="244" stopIfTrue="1"/>
  </conditionalFormatting>
  <pageMargins left="0.75" right="0.75" top="1" bottom="1" header="0.5" footer="0.5"/>
  <pageSetup orientation="portrait" horizontalDpi="200" verticalDpi="2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T67"/>
  <sheetViews>
    <sheetView workbookViewId="0">
      <selection activeCell="L9" sqref="L9"/>
    </sheetView>
  </sheetViews>
  <sheetFormatPr defaultRowHeight="12.75" x14ac:dyDescent="0.35"/>
  <cols>
    <col min="1" max="1" width="8.73046875" customWidth="1"/>
    <col min="3" max="4" width="17.73046875" customWidth="1"/>
    <col min="7" max="7" width="16" customWidth="1"/>
    <col min="8" max="8" width="17.73046875" customWidth="1"/>
    <col min="11" max="11" width="20.265625" bestFit="1" customWidth="1"/>
    <col min="12" max="12" width="17.73046875" customWidth="1"/>
    <col min="15" max="15" width="24.1328125" customWidth="1"/>
    <col min="16" max="16" width="16.265625" customWidth="1"/>
    <col min="18" max="18" width="9.265625" customWidth="1"/>
    <col min="19" max="19" width="19.59765625" customWidth="1"/>
    <col min="20" max="20" width="18.59765625" customWidth="1"/>
  </cols>
  <sheetData>
    <row r="1" spans="1:20" x14ac:dyDescent="0.35">
      <c r="A1" s="3"/>
    </row>
    <row r="2" spans="1:20" x14ac:dyDescent="0.35">
      <c r="A2" s="3"/>
    </row>
    <row r="6" spans="1:20" x14ac:dyDescent="0.35">
      <c r="A6" t="s">
        <v>0</v>
      </c>
      <c r="B6" s="12"/>
      <c r="E6" s="9" t="s">
        <v>1</v>
      </c>
      <c r="F6" s="9"/>
      <c r="I6" t="s">
        <v>2</v>
      </c>
      <c r="J6" s="12"/>
      <c r="M6" s="9" t="s">
        <v>30</v>
      </c>
      <c r="N6" s="9"/>
      <c r="Q6" s="9" t="s">
        <v>32</v>
      </c>
      <c r="R6" s="9"/>
    </row>
    <row r="7" spans="1:20" x14ac:dyDescent="0.35">
      <c r="A7" t="s">
        <v>13</v>
      </c>
      <c r="B7" t="s">
        <v>14</v>
      </c>
      <c r="C7" t="s">
        <v>13</v>
      </c>
      <c r="D7" t="s">
        <v>31</v>
      </c>
      <c r="E7" t="s">
        <v>13</v>
      </c>
      <c r="F7" t="s">
        <v>14</v>
      </c>
      <c r="G7" t="s">
        <v>13</v>
      </c>
      <c r="H7" t="s">
        <v>31</v>
      </c>
      <c r="I7" t="s">
        <v>13</v>
      </c>
      <c r="J7" t="s">
        <v>14</v>
      </c>
      <c r="K7" t="s">
        <v>13</v>
      </c>
      <c r="L7" t="s">
        <v>31</v>
      </c>
      <c r="M7" t="s">
        <v>13</v>
      </c>
      <c r="N7" t="s">
        <v>14</v>
      </c>
      <c r="Q7" t="s">
        <v>13</v>
      </c>
      <c r="R7" t="s">
        <v>14</v>
      </c>
    </row>
    <row r="8" spans="1:20" x14ac:dyDescent="0.35">
      <c r="A8" s="19" t="s">
        <v>7</v>
      </c>
      <c r="B8" s="19"/>
      <c r="C8" s="26" t="s">
        <v>422</v>
      </c>
      <c r="D8" s="26" t="s">
        <v>423</v>
      </c>
      <c r="E8" s="19" t="s">
        <v>37</v>
      </c>
      <c r="F8" s="19"/>
      <c r="G8" s="25" t="s">
        <v>406</v>
      </c>
      <c r="H8" s="3"/>
      <c r="I8" s="19" t="s">
        <v>7</v>
      </c>
      <c r="J8" s="3"/>
      <c r="K8" t="s">
        <v>426</v>
      </c>
      <c r="L8" s="26" t="s">
        <v>408</v>
      </c>
      <c r="M8" s="19" t="s">
        <v>37</v>
      </c>
      <c r="N8" s="3"/>
      <c r="O8" s="25" t="s">
        <v>406</v>
      </c>
      <c r="Q8" s="19" t="s">
        <v>7</v>
      </c>
      <c r="R8" s="3"/>
      <c r="S8" s="25" t="s">
        <v>406</v>
      </c>
    </row>
    <row r="9" spans="1:20" x14ac:dyDescent="0.35">
      <c r="A9" s="19" t="s">
        <v>37</v>
      </c>
      <c r="B9" s="14"/>
      <c r="C9" s="25" t="s">
        <v>466</v>
      </c>
      <c r="D9" s="25" t="s">
        <v>408</v>
      </c>
      <c r="E9" s="19" t="s">
        <v>7</v>
      </c>
      <c r="F9" s="14"/>
      <c r="G9" t="s">
        <v>424</v>
      </c>
      <c r="H9" s="26" t="s">
        <v>425</v>
      </c>
      <c r="I9" s="19" t="s">
        <v>37</v>
      </c>
      <c r="J9" s="3"/>
      <c r="K9" s="25" t="s">
        <v>406</v>
      </c>
      <c r="L9" s="3"/>
      <c r="M9" s="19" t="s">
        <v>7</v>
      </c>
      <c r="N9" s="3"/>
      <c r="O9" s="25" t="s">
        <v>406</v>
      </c>
      <c r="Q9" s="19" t="s">
        <v>37</v>
      </c>
      <c r="R9" s="3"/>
      <c r="S9" s="25" t="s">
        <v>406</v>
      </c>
    </row>
    <row r="10" spans="1:20" x14ac:dyDescent="0.35">
      <c r="A10" s="19" t="s">
        <v>9</v>
      </c>
      <c r="B10" s="14"/>
      <c r="C10" t="s">
        <v>410</v>
      </c>
      <c r="D10" s="21" t="s">
        <v>409</v>
      </c>
      <c r="E10" s="19" t="s">
        <v>21</v>
      </c>
      <c r="F10" s="14"/>
      <c r="G10" s="25" t="s">
        <v>406</v>
      </c>
      <c r="H10" s="6"/>
      <c r="I10" s="19" t="s">
        <v>9</v>
      </c>
      <c r="J10" s="3"/>
      <c r="K10" s="25" t="s">
        <v>406</v>
      </c>
      <c r="L10" s="6"/>
      <c r="M10" s="19" t="s">
        <v>21</v>
      </c>
      <c r="N10" s="3"/>
      <c r="O10" s="25" t="s">
        <v>406</v>
      </c>
      <c r="Q10" s="19" t="s">
        <v>9</v>
      </c>
      <c r="R10" s="3"/>
      <c r="S10" s="25" t="s">
        <v>406</v>
      </c>
    </row>
    <row r="11" spans="1:20" x14ac:dyDescent="0.35">
      <c r="A11" s="19" t="s">
        <v>21</v>
      </c>
      <c r="B11" s="14"/>
      <c r="C11" s="26" t="s">
        <v>427</v>
      </c>
      <c r="D11" s="25" t="s">
        <v>428</v>
      </c>
      <c r="E11" s="19" t="s">
        <v>9</v>
      </c>
      <c r="F11" s="14"/>
      <c r="G11" s="25" t="s">
        <v>406</v>
      </c>
      <c r="H11" s="6"/>
      <c r="I11" s="19" t="s">
        <v>21</v>
      </c>
      <c r="J11" s="3"/>
      <c r="K11" s="25" t="s">
        <v>406</v>
      </c>
      <c r="M11" s="19" t="s">
        <v>9</v>
      </c>
      <c r="N11" s="3"/>
      <c r="O11" s="25" t="s">
        <v>406</v>
      </c>
      <c r="Q11" s="19" t="s">
        <v>21</v>
      </c>
      <c r="R11" s="3"/>
      <c r="S11" s="25" t="s">
        <v>406</v>
      </c>
    </row>
    <row r="12" spans="1:20" x14ac:dyDescent="0.35">
      <c r="A12" s="19" t="s">
        <v>15</v>
      </c>
      <c r="B12" s="19"/>
      <c r="C12" s="26" t="s">
        <v>430</v>
      </c>
      <c r="D12" s="27" t="s">
        <v>429</v>
      </c>
      <c r="E12" s="19" t="s">
        <v>15</v>
      </c>
      <c r="F12" s="19"/>
      <c r="G12" s="25" t="s">
        <v>406</v>
      </c>
      <c r="I12" s="19" t="s">
        <v>15</v>
      </c>
      <c r="J12" s="3"/>
      <c r="K12" s="25" t="s">
        <v>406</v>
      </c>
      <c r="L12" s="3"/>
      <c r="M12" s="19" t="s">
        <v>15</v>
      </c>
      <c r="N12" s="3"/>
      <c r="O12" s="25" t="s">
        <v>406</v>
      </c>
      <c r="Q12" s="19" t="s">
        <v>15</v>
      </c>
      <c r="R12" s="3"/>
      <c r="S12" s="25" t="s">
        <v>406</v>
      </c>
    </row>
    <row r="13" spans="1:20" x14ac:dyDescent="0.35">
      <c r="A13" s="19" t="s">
        <v>45</v>
      </c>
      <c r="B13" s="19"/>
      <c r="C13" t="s">
        <v>407</v>
      </c>
      <c r="D13" s="18" t="s">
        <v>408</v>
      </c>
      <c r="E13" s="19" t="s">
        <v>38</v>
      </c>
      <c r="F13" s="16" t="s">
        <v>38</v>
      </c>
      <c r="G13" t="s">
        <v>417</v>
      </c>
      <c r="H13" s="25" t="s">
        <v>408</v>
      </c>
      <c r="I13" s="19" t="s">
        <v>45</v>
      </c>
      <c r="J13" s="3"/>
      <c r="K13" s="25" t="s">
        <v>406</v>
      </c>
      <c r="L13" s="3"/>
      <c r="M13" s="19" t="s">
        <v>38</v>
      </c>
      <c r="N13" s="3"/>
      <c r="O13" s="25" t="s">
        <v>406</v>
      </c>
      <c r="Q13" s="19" t="s">
        <v>45</v>
      </c>
      <c r="R13" s="3"/>
      <c r="S13" s="25" t="s">
        <v>406</v>
      </c>
    </row>
    <row r="14" spans="1:20" x14ac:dyDescent="0.35">
      <c r="A14" s="19" t="s">
        <v>38</v>
      </c>
      <c r="B14" s="16"/>
      <c r="C14" s="27" t="s">
        <v>416</v>
      </c>
      <c r="D14" s="18" t="s">
        <v>408</v>
      </c>
      <c r="E14" s="19" t="s">
        <v>45</v>
      </c>
      <c r="F14" s="14"/>
      <c r="G14" s="21" t="s">
        <v>406</v>
      </c>
      <c r="H14" s="26"/>
      <c r="I14" s="19" t="s">
        <v>38</v>
      </c>
      <c r="J14" s="14"/>
      <c r="K14" s="26" t="s">
        <v>406</v>
      </c>
      <c r="L14" s="27"/>
      <c r="M14" s="19" t="s">
        <v>45</v>
      </c>
      <c r="N14" s="3"/>
      <c r="O14" s="21" t="s">
        <v>406</v>
      </c>
      <c r="P14" s="6"/>
      <c r="Q14" s="19" t="s">
        <v>38</v>
      </c>
      <c r="R14" s="3"/>
      <c r="S14" s="21" t="s">
        <v>406</v>
      </c>
    </row>
    <row r="15" spans="1:20" x14ac:dyDescent="0.35">
      <c r="A15" s="19" t="s">
        <v>10</v>
      </c>
      <c r="B15" s="16"/>
      <c r="C15" t="s">
        <v>418</v>
      </c>
      <c r="D15" s="18" t="s">
        <v>408</v>
      </c>
      <c r="E15" s="19" t="s">
        <v>4</v>
      </c>
      <c r="F15" s="16"/>
      <c r="G15" s="25" t="s">
        <v>406</v>
      </c>
      <c r="H15" s="25"/>
      <c r="I15" s="19" t="s">
        <v>10</v>
      </c>
      <c r="J15" s="3"/>
      <c r="K15" t="s">
        <v>451</v>
      </c>
      <c r="L15" s="26" t="s">
        <v>454</v>
      </c>
      <c r="M15" s="19" t="s">
        <v>4</v>
      </c>
      <c r="N15" s="3"/>
      <c r="O15" s="25" t="s">
        <v>406</v>
      </c>
      <c r="P15" s="6"/>
      <c r="Q15" s="19" t="s">
        <v>10</v>
      </c>
      <c r="R15" s="3"/>
      <c r="S15" t="s">
        <v>459</v>
      </c>
      <c r="T15" s="21" t="s">
        <v>457</v>
      </c>
    </row>
    <row r="16" spans="1:20" x14ac:dyDescent="0.35">
      <c r="A16" s="19" t="s">
        <v>24</v>
      </c>
      <c r="B16" s="3"/>
      <c r="C16" s="25" t="s">
        <v>406</v>
      </c>
      <c r="D16" s="3"/>
      <c r="E16" s="19" t="s">
        <v>41</v>
      </c>
      <c r="F16" s="3"/>
      <c r="G16" t="s">
        <v>420</v>
      </c>
      <c r="H16" s="25" t="s">
        <v>408</v>
      </c>
      <c r="I16" s="19" t="s">
        <v>24</v>
      </c>
      <c r="J16" s="3"/>
      <c r="K16" s="25" t="s">
        <v>406</v>
      </c>
      <c r="L16" s="6"/>
      <c r="M16" s="19" t="s">
        <v>41</v>
      </c>
      <c r="N16" s="3"/>
      <c r="O16" s="25" t="s">
        <v>406</v>
      </c>
      <c r="Q16" s="19" t="s">
        <v>24</v>
      </c>
      <c r="R16" s="3"/>
      <c r="S16" s="25" t="s">
        <v>406</v>
      </c>
    </row>
    <row r="17" spans="1:20" x14ac:dyDescent="0.35">
      <c r="A17" s="19" t="s">
        <v>41</v>
      </c>
      <c r="B17" s="3"/>
      <c r="C17" t="s">
        <v>419</v>
      </c>
      <c r="D17" s="25" t="s">
        <v>408</v>
      </c>
      <c r="E17" s="19" t="s">
        <v>24</v>
      </c>
      <c r="F17" s="3"/>
      <c r="G17" s="25" t="s">
        <v>406</v>
      </c>
      <c r="H17" s="6"/>
      <c r="I17" s="19" t="s">
        <v>41</v>
      </c>
      <c r="J17" s="3"/>
      <c r="K17" t="s">
        <v>421</v>
      </c>
      <c r="L17" s="18" t="s">
        <v>408</v>
      </c>
      <c r="M17" s="19" t="s">
        <v>24</v>
      </c>
      <c r="N17" s="3"/>
      <c r="O17" s="25" t="s">
        <v>406</v>
      </c>
      <c r="P17" s="3"/>
      <c r="Q17" s="19" t="s">
        <v>41</v>
      </c>
      <c r="R17" s="3"/>
      <c r="S17" s="25" t="s">
        <v>406</v>
      </c>
      <c r="T17" s="6"/>
    </row>
    <row r="18" spans="1:20" x14ac:dyDescent="0.35">
      <c r="A18" s="19" t="s">
        <v>4</v>
      </c>
      <c r="B18" s="3"/>
      <c r="C18" s="25" t="s">
        <v>406</v>
      </c>
      <c r="D18" s="3"/>
      <c r="E18" s="19" t="s">
        <v>10</v>
      </c>
      <c r="F18" s="3"/>
      <c r="G18" s="26" t="s">
        <v>450</v>
      </c>
      <c r="H18" s="26" t="s">
        <v>452</v>
      </c>
      <c r="I18" s="19" t="s">
        <v>4</v>
      </c>
      <c r="J18" s="3"/>
      <c r="K18" s="18" t="s">
        <v>406</v>
      </c>
      <c r="L18" s="3"/>
      <c r="M18" s="19" t="s">
        <v>10</v>
      </c>
      <c r="N18" s="3"/>
      <c r="O18" t="s">
        <v>456</v>
      </c>
      <c r="P18" s="21" t="s">
        <v>455</v>
      </c>
      <c r="Q18" s="19" t="s">
        <v>4</v>
      </c>
      <c r="R18" s="3"/>
      <c r="S18" s="25" t="s">
        <v>406</v>
      </c>
    </row>
    <row r="19" spans="1:20" x14ac:dyDescent="0.35">
      <c r="A19" s="19" t="s">
        <v>8</v>
      </c>
      <c r="B19" s="3"/>
      <c r="C19" s="25" t="s">
        <v>406</v>
      </c>
      <c r="D19" s="6"/>
      <c r="E19" s="19" t="s">
        <v>16</v>
      </c>
      <c r="F19" s="3"/>
      <c r="G19" s="25" t="s">
        <v>406</v>
      </c>
      <c r="H19" s="3"/>
      <c r="I19" s="19" t="s">
        <v>8</v>
      </c>
      <c r="J19" s="3"/>
      <c r="K19" s="25" t="s">
        <v>406</v>
      </c>
      <c r="L19" s="3"/>
      <c r="M19" s="19" t="s">
        <v>16</v>
      </c>
      <c r="N19" s="3"/>
      <c r="O19" s="25" t="s">
        <v>406</v>
      </c>
      <c r="Q19" s="19" t="s">
        <v>8</v>
      </c>
      <c r="R19" s="3"/>
      <c r="S19" s="25" t="s">
        <v>406</v>
      </c>
    </row>
    <row r="20" spans="1:20" x14ac:dyDescent="0.35">
      <c r="A20" s="19" t="s">
        <v>23</v>
      </c>
      <c r="B20" s="3"/>
      <c r="C20" s="26" t="s">
        <v>431</v>
      </c>
      <c r="D20" s="25" t="s">
        <v>408</v>
      </c>
      <c r="E20" s="19" t="s">
        <v>18</v>
      </c>
      <c r="F20" s="14" t="s">
        <v>18</v>
      </c>
      <c r="G20" s="21" t="s">
        <v>413</v>
      </c>
      <c r="H20" s="26" t="s">
        <v>412</v>
      </c>
      <c r="I20" s="19" t="s">
        <v>23</v>
      </c>
      <c r="J20" s="3"/>
      <c r="K20" s="21" t="s">
        <v>433</v>
      </c>
      <c r="L20" s="28" t="s">
        <v>408</v>
      </c>
      <c r="M20" s="19" t="s">
        <v>18</v>
      </c>
      <c r="N20" s="3"/>
      <c r="O20" s="25" t="s">
        <v>406</v>
      </c>
      <c r="Q20" s="19" t="s">
        <v>23</v>
      </c>
      <c r="R20" s="3"/>
      <c r="S20" s="25" t="s">
        <v>406</v>
      </c>
    </row>
    <row r="21" spans="1:20" x14ac:dyDescent="0.35">
      <c r="A21" s="19" t="s">
        <v>44</v>
      </c>
      <c r="B21" s="3"/>
      <c r="C21" t="s">
        <v>435</v>
      </c>
      <c r="D21" s="25" t="s">
        <v>408</v>
      </c>
      <c r="E21" s="19" t="s">
        <v>20</v>
      </c>
      <c r="F21" s="3"/>
      <c r="G21" s="26" t="s">
        <v>437</v>
      </c>
      <c r="H21" s="25" t="s">
        <v>408</v>
      </c>
      <c r="I21" s="19" t="s">
        <v>44</v>
      </c>
      <c r="J21" s="3"/>
      <c r="K21" t="s">
        <v>453</v>
      </c>
      <c r="L21" s="18" t="s">
        <v>408</v>
      </c>
      <c r="M21" s="19" t="s">
        <v>20</v>
      </c>
      <c r="N21" s="3"/>
      <c r="O21" s="25" t="s">
        <v>406</v>
      </c>
      <c r="Q21" s="19" t="s">
        <v>44</v>
      </c>
      <c r="R21" s="3"/>
      <c r="S21" t="s">
        <v>461</v>
      </c>
      <c r="T21" t="s">
        <v>408</v>
      </c>
    </row>
    <row r="22" spans="1:20" x14ac:dyDescent="0.35">
      <c r="A22" s="19" t="s">
        <v>20</v>
      </c>
      <c r="B22" s="3"/>
      <c r="C22" t="s">
        <v>436</v>
      </c>
      <c r="D22" s="25" t="s">
        <v>408</v>
      </c>
      <c r="E22" s="19" t="s">
        <v>44</v>
      </c>
      <c r="F22" s="3"/>
      <c r="G22" t="s">
        <v>458</v>
      </c>
      <c r="H22" s="25" t="s">
        <v>408</v>
      </c>
      <c r="I22" s="19" t="s">
        <v>20</v>
      </c>
      <c r="J22" s="3"/>
      <c r="K22" t="s">
        <v>438</v>
      </c>
      <c r="L22" s="25" t="s">
        <v>408</v>
      </c>
      <c r="M22" s="19" t="s">
        <v>44</v>
      </c>
      <c r="N22" s="3"/>
      <c r="O22" t="s">
        <v>460</v>
      </c>
      <c r="P22" t="s">
        <v>408</v>
      </c>
      <c r="Q22" s="19" t="s">
        <v>20</v>
      </c>
      <c r="R22" s="3"/>
      <c r="S22" s="25" t="s">
        <v>406</v>
      </c>
    </row>
    <row r="23" spans="1:20" x14ac:dyDescent="0.35">
      <c r="A23" s="19" t="s">
        <v>18</v>
      </c>
      <c r="B23" s="14"/>
      <c r="C23" t="s">
        <v>411</v>
      </c>
      <c r="D23" s="26" t="s">
        <v>408</v>
      </c>
      <c r="E23" s="19" t="s">
        <v>23</v>
      </c>
      <c r="F23" s="3"/>
      <c r="G23" t="s">
        <v>432</v>
      </c>
      <c r="H23" s="25" t="s">
        <v>408</v>
      </c>
      <c r="I23" s="19" t="s">
        <v>18</v>
      </c>
      <c r="J23" s="14"/>
      <c r="K23" s="26" t="s">
        <v>414</v>
      </c>
      <c r="L23" s="27" t="s">
        <v>415</v>
      </c>
      <c r="M23" s="19" t="s">
        <v>23</v>
      </c>
      <c r="N23" s="3"/>
      <c r="O23" s="26" t="s">
        <v>434</v>
      </c>
      <c r="P23" s="25" t="s">
        <v>408</v>
      </c>
      <c r="Q23" s="19" t="s">
        <v>18</v>
      </c>
      <c r="R23" s="3"/>
      <c r="S23" s="25" t="s">
        <v>406</v>
      </c>
      <c r="T23" s="6"/>
    </row>
    <row r="24" spans="1:20" x14ac:dyDescent="0.35">
      <c r="A24" s="19" t="s">
        <v>16</v>
      </c>
      <c r="B24" s="14"/>
      <c r="C24" s="25" t="s">
        <v>406</v>
      </c>
      <c r="D24" s="6"/>
      <c r="E24" s="19" t="s">
        <v>8</v>
      </c>
      <c r="F24" s="3"/>
      <c r="G24" s="25" t="s">
        <v>406</v>
      </c>
      <c r="I24" s="19" t="s">
        <v>16</v>
      </c>
      <c r="J24" s="3"/>
      <c r="K24" s="25" t="s">
        <v>406</v>
      </c>
      <c r="L24" s="3"/>
      <c r="M24" s="19" t="s">
        <v>8</v>
      </c>
      <c r="N24" s="3"/>
      <c r="O24" s="25" t="s">
        <v>406</v>
      </c>
      <c r="Q24" s="19" t="s">
        <v>16</v>
      </c>
      <c r="R24" s="3"/>
      <c r="S24" s="25" t="s">
        <v>406</v>
      </c>
    </row>
    <row r="25" spans="1:20" x14ac:dyDescent="0.35">
      <c r="A25" s="19" t="s">
        <v>132</v>
      </c>
      <c r="B25" s="3"/>
      <c r="C25" t="s">
        <v>439</v>
      </c>
      <c r="D25" s="26" t="s">
        <v>464</v>
      </c>
      <c r="E25" s="19" t="s">
        <v>34</v>
      </c>
      <c r="F25" s="3"/>
      <c r="G25" s="25" t="s">
        <v>406</v>
      </c>
      <c r="H25" s="3"/>
      <c r="I25" s="19" t="s">
        <v>132</v>
      </c>
      <c r="J25" s="3"/>
      <c r="K25" s="25" t="s">
        <v>406</v>
      </c>
      <c r="L25" s="3"/>
      <c r="M25" s="19" t="s">
        <v>34</v>
      </c>
      <c r="N25" s="3"/>
      <c r="O25" s="25" t="s">
        <v>406</v>
      </c>
      <c r="Q25" s="19" t="s">
        <v>132</v>
      </c>
      <c r="R25" s="3"/>
      <c r="S25" s="25" t="s">
        <v>406</v>
      </c>
    </row>
    <row r="26" spans="1:20" x14ac:dyDescent="0.35">
      <c r="A26" s="19" t="s">
        <v>34</v>
      </c>
      <c r="B26" s="3"/>
      <c r="C26" s="25" t="s">
        <v>406</v>
      </c>
      <c r="D26" s="3"/>
      <c r="E26" s="19" t="s">
        <v>132</v>
      </c>
      <c r="F26" s="3"/>
      <c r="G26" s="25" t="s">
        <v>406</v>
      </c>
      <c r="H26" s="3"/>
      <c r="I26" s="19" t="s">
        <v>34</v>
      </c>
      <c r="J26" s="3"/>
      <c r="K26" s="25" t="s">
        <v>406</v>
      </c>
      <c r="L26" s="3"/>
      <c r="M26" s="19" t="s">
        <v>132</v>
      </c>
      <c r="N26" s="3"/>
      <c r="O26" s="25" t="s">
        <v>406</v>
      </c>
      <c r="Q26" s="19" t="s">
        <v>34</v>
      </c>
      <c r="R26" s="3"/>
      <c r="S26" s="25" t="s">
        <v>406</v>
      </c>
    </row>
    <row r="27" spans="1:20" x14ac:dyDescent="0.35">
      <c r="A27" s="19" t="s">
        <v>5</v>
      </c>
      <c r="B27" s="3"/>
      <c r="C27" s="25" t="s">
        <v>406</v>
      </c>
      <c r="D27" s="3"/>
      <c r="E27" s="19" t="s">
        <v>5</v>
      </c>
      <c r="F27" s="3"/>
      <c r="G27" s="25" t="s">
        <v>406</v>
      </c>
      <c r="H27" s="6"/>
      <c r="I27" s="19" t="s">
        <v>5</v>
      </c>
      <c r="J27" s="3"/>
      <c r="K27" s="25" t="s">
        <v>406</v>
      </c>
      <c r="L27" s="3"/>
      <c r="M27" s="19" t="s">
        <v>5</v>
      </c>
      <c r="N27" s="3"/>
      <c r="O27" s="25" t="s">
        <v>406</v>
      </c>
      <c r="P27" s="6"/>
      <c r="Q27" s="19" t="s">
        <v>5</v>
      </c>
      <c r="R27" s="3"/>
      <c r="S27" s="25" t="s">
        <v>406</v>
      </c>
    </row>
    <row r="28" spans="1:20" x14ac:dyDescent="0.35">
      <c r="A28" s="19" t="s">
        <v>11</v>
      </c>
      <c r="B28" s="3"/>
      <c r="C28" s="25" t="s">
        <v>406</v>
      </c>
      <c r="D28" s="6"/>
      <c r="E28" s="19" t="s">
        <v>11</v>
      </c>
      <c r="F28" s="3"/>
      <c r="G28" s="25" t="s">
        <v>406</v>
      </c>
      <c r="H28" s="6"/>
      <c r="I28" s="19" t="s">
        <v>11</v>
      </c>
      <c r="J28" s="3"/>
      <c r="K28" s="25" t="s">
        <v>406</v>
      </c>
      <c r="L28" s="3"/>
      <c r="M28" s="19" t="s">
        <v>11</v>
      </c>
      <c r="N28" s="3"/>
      <c r="O28" s="25" t="s">
        <v>406</v>
      </c>
      <c r="Q28" s="19" t="s">
        <v>11</v>
      </c>
      <c r="R28" s="3"/>
      <c r="S28" s="25" t="s">
        <v>406</v>
      </c>
    </row>
    <row r="29" spans="1:20" x14ac:dyDescent="0.35">
      <c r="A29" s="19" t="s">
        <v>6</v>
      </c>
      <c r="B29" s="3"/>
      <c r="C29" t="s">
        <v>448</v>
      </c>
      <c r="D29" s="21" t="s">
        <v>447</v>
      </c>
      <c r="E29" s="19" t="s">
        <v>6</v>
      </c>
      <c r="F29" s="3"/>
      <c r="G29" t="s">
        <v>406</v>
      </c>
      <c r="H29" s="26"/>
      <c r="I29" s="19" t="s">
        <v>6</v>
      </c>
      <c r="J29" s="3"/>
      <c r="K29" s="18" t="s">
        <v>406</v>
      </c>
      <c r="L29" s="6"/>
      <c r="M29" s="19" t="s">
        <v>6</v>
      </c>
      <c r="N29" s="3"/>
      <c r="O29" t="s">
        <v>406</v>
      </c>
      <c r="P29" s="6"/>
      <c r="Q29" s="19" t="s">
        <v>6</v>
      </c>
      <c r="R29" s="3"/>
      <c r="S29" t="s">
        <v>406</v>
      </c>
      <c r="T29" s="6"/>
    </row>
    <row r="30" spans="1:20" x14ac:dyDescent="0.35">
      <c r="A30" s="19" t="s">
        <v>19</v>
      </c>
      <c r="B30" s="3"/>
      <c r="C30" t="s">
        <v>367</v>
      </c>
      <c r="D30" s="18" t="s">
        <v>408</v>
      </c>
      <c r="E30" s="19" t="s">
        <v>40</v>
      </c>
      <c r="F30" s="3"/>
      <c r="G30" s="21" t="s">
        <v>446</v>
      </c>
      <c r="H30" s="26" t="s">
        <v>443</v>
      </c>
      <c r="I30" s="19" t="s">
        <v>19</v>
      </c>
      <c r="J30" s="3"/>
      <c r="K30" s="25" t="s">
        <v>406</v>
      </c>
      <c r="L30" s="3"/>
      <c r="M30" s="19" t="s">
        <v>40</v>
      </c>
      <c r="N30" s="3"/>
      <c r="O30" s="25" t="s">
        <v>406</v>
      </c>
      <c r="Q30" s="19" t="s">
        <v>19</v>
      </c>
      <c r="R30" s="3"/>
      <c r="S30" s="25" t="s">
        <v>406</v>
      </c>
    </row>
    <row r="31" spans="1:20" x14ac:dyDescent="0.35">
      <c r="A31" s="19" t="s">
        <v>40</v>
      </c>
      <c r="B31" s="3"/>
      <c r="C31" s="21" t="s">
        <v>440</v>
      </c>
      <c r="D31" s="26" t="s">
        <v>442</v>
      </c>
      <c r="E31" s="19" t="s">
        <v>19</v>
      </c>
      <c r="F31" s="3"/>
      <c r="G31" s="25" t="s">
        <v>406</v>
      </c>
      <c r="H31" s="6"/>
      <c r="I31" s="19" t="s">
        <v>40</v>
      </c>
      <c r="J31" s="3"/>
      <c r="K31" s="25" t="s">
        <v>406</v>
      </c>
      <c r="L31" s="6"/>
      <c r="M31" s="19" t="s">
        <v>19</v>
      </c>
      <c r="N31" s="3"/>
      <c r="O31" s="25" t="s">
        <v>406</v>
      </c>
      <c r="P31" s="6"/>
      <c r="Q31" s="19" t="s">
        <v>40</v>
      </c>
      <c r="R31" s="3"/>
      <c r="S31" s="25" t="s">
        <v>406</v>
      </c>
    </row>
    <row r="32" spans="1:20" x14ac:dyDescent="0.35">
      <c r="A32" s="19" t="s">
        <v>12</v>
      </c>
      <c r="B32" s="3"/>
      <c r="C32" s="25" t="s">
        <v>406</v>
      </c>
      <c r="D32" s="3"/>
      <c r="E32" s="19" t="s">
        <v>12</v>
      </c>
      <c r="F32" s="3"/>
      <c r="G32" s="25" t="s">
        <v>406</v>
      </c>
      <c r="H32" s="3"/>
      <c r="I32" s="19" t="s">
        <v>12</v>
      </c>
      <c r="J32" s="3"/>
      <c r="K32" s="25" t="s">
        <v>406</v>
      </c>
      <c r="L32" s="3"/>
      <c r="M32" s="19" t="s">
        <v>12</v>
      </c>
      <c r="N32" s="3"/>
      <c r="O32" s="25" t="s">
        <v>406</v>
      </c>
      <c r="Q32" s="19" t="s">
        <v>12</v>
      </c>
      <c r="R32" s="3"/>
      <c r="S32" s="25" t="s">
        <v>406</v>
      </c>
    </row>
    <row r="33" spans="1:19" x14ac:dyDescent="0.35">
      <c r="A33" s="19" t="s">
        <v>131</v>
      </c>
      <c r="B33" s="3"/>
      <c r="C33" t="s">
        <v>444</v>
      </c>
      <c r="D33" s="26" t="s">
        <v>445</v>
      </c>
      <c r="E33" s="19" t="s">
        <v>131</v>
      </c>
      <c r="F33" s="3"/>
      <c r="G33" s="26" t="s">
        <v>441</v>
      </c>
      <c r="H33" s="26" t="s">
        <v>463</v>
      </c>
      <c r="I33" s="19" t="s">
        <v>131</v>
      </c>
      <c r="J33" s="3"/>
      <c r="K33" t="s">
        <v>465</v>
      </c>
      <c r="L33" t="s">
        <v>327</v>
      </c>
      <c r="M33" s="19" t="s">
        <v>131</v>
      </c>
      <c r="N33" s="3"/>
      <c r="O33" s="18" t="s">
        <v>406</v>
      </c>
      <c r="P33" s="27"/>
      <c r="Q33" s="19" t="s">
        <v>131</v>
      </c>
      <c r="R33" s="3"/>
      <c r="S33" s="25" t="s">
        <v>406</v>
      </c>
    </row>
    <row r="34" spans="1:19" x14ac:dyDescent="0.35">
      <c r="A34" s="19" t="s">
        <v>22</v>
      </c>
      <c r="B34" s="14"/>
      <c r="C34" s="25" t="s">
        <v>406</v>
      </c>
      <c r="E34" s="19" t="s">
        <v>22</v>
      </c>
      <c r="F34" s="3"/>
      <c r="G34" s="25" t="s">
        <v>406</v>
      </c>
      <c r="H34" s="6"/>
      <c r="I34" s="19" t="s">
        <v>22</v>
      </c>
      <c r="J34" s="3"/>
      <c r="K34" s="25" t="s">
        <v>406</v>
      </c>
      <c r="L34" s="3"/>
      <c r="M34" s="19" t="s">
        <v>22</v>
      </c>
      <c r="N34" s="3"/>
      <c r="O34" s="25" t="s">
        <v>406</v>
      </c>
      <c r="Q34" s="19" t="s">
        <v>22</v>
      </c>
      <c r="R34" s="3"/>
      <c r="S34" s="25" t="s">
        <v>406</v>
      </c>
    </row>
    <row r="35" spans="1:19" x14ac:dyDescent="0.35">
      <c r="A35" s="19" t="s">
        <v>42</v>
      </c>
      <c r="B35" s="3"/>
      <c r="C35" t="s">
        <v>449</v>
      </c>
      <c r="D35" t="s">
        <v>408</v>
      </c>
      <c r="E35" s="19" t="s">
        <v>42</v>
      </c>
      <c r="F35" s="3"/>
      <c r="G35" s="25" t="s">
        <v>406</v>
      </c>
      <c r="H35" s="6"/>
      <c r="I35" s="19" t="s">
        <v>42</v>
      </c>
      <c r="J35" s="3"/>
      <c r="K35" s="25" t="s">
        <v>406</v>
      </c>
      <c r="L35" s="6"/>
      <c r="M35" s="19" t="s">
        <v>42</v>
      </c>
      <c r="N35" s="3"/>
      <c r="O35" s="25" t="s">
        <v>406</v>
      </c>
      <c r="P35" s="6"/>
      <c r="Q35" s="19" t="s">
        <v>42</v>
      </c>
      <c r="R35" s="3"/>
      <c r="S35" s="25" t="s">
        <v>406</v>
      </c>
    </row>
    <row r="38" spans="1:19" x14ac:dyDescent="0.35">
      <c r="A38" s="9" t="s">
        <v>17</v>
      </c>
      <c r="B38" s="9"/>
      <c r="E38" t="s">
        <v>33</v>
      </c>
    </row>
    <row r="39" spans="1:19" x14ac:dyDescent="0.35">
      <c r="A39" t="s">
        <v>13</v>
      </c>
      <c r="B39" t="s">
        <v>14</v>
      </c>
      <c r="E39" t="s">
        <v>13</v>
      </c>
      <c r="F39" t="s">
        <v>14</v>
      </c>
    </row>
    <row r="40" spans="1:19" x14ac:dyDescent="0.35">
      <c r="A40" s="19" t="s">
        <v>37</v>
      </c>
      <c r="B40" s="3"/>
      <c r="C40" s="6"/>
      <c r="E40" s="19" t="s">
        <v>7</v>
      </c>
      <c r="F40" s="3"/>
      <c r="G40" s="6"/>
    </row>
    <row r="41" spans="1:19" x14ac:dyDescent="0.35">
      <c r="A41" s="19" t="s">
        <v>7</v>
      </c>
      <c r="B41" s="3"/>
      <c r="C41" s="6"/>
      <c r="E41" s="19" t="s">
        <v>37</v>
      </c>
      <c r="F41" s="3"/>
      <c r="G41" s="6"/>
    </row>
    <row r="42" spans="1:19" x14ac:dyDescent="0.35">
      <c r="A42" s="19" t="s">
        <v>21</v>
      </c>
      <c r="B42" s="3"/>
      <c r="C42" s="6"/>
      <c r="E42" s="19" t="s">
        <v>9</v>
      </c>
      <c r="F42" s="3"/>
      <c r="G42" s="6"/>
    </row>
    <row r="43" spans="1:19" x14ac:dyDescent="0.35">
      <c r="A43" s="19" t="s">
        <v>9</v>
      </c>
      <c r="B43" s="3"/>
      <c r="C43" s="6"/>
      <c r="E43" s="19" t="s">
        <v>21</v>
      </c>
      <c r="F43" s="3"/>
      <c r="G43" s="6"/>
    </row>
    <row r="44" spans="1:19" x14ac:dyDescent="0.35">
      <c r="A44" s="19" t="s">
        <v>15</v>
      </c>
      <c r="B44" s="3"/>
      <c r="C44" s="6"/>
      <c r="E44" s="19" t="s">
        <v>15</v>
      </c>
      <c r="F44" s="3"/>
      <c r="G44" s="6"/>
    </row>
    <row r="45" spans="1:19" x14ac:dyDescent="0.35">
      <c r="A45" s="19" t="s">
        <v>38</v>
      </c>
      <c r="B45" s="3"/>
      <c r="C45" s="6"/>
      <c r="E45" s="19" t="s">
        <v>45</v>
      </c>
      <c r="F45" s="3"/>
      <c r="G45" s="6"/>
    </row>
    <row r="46" spans="1:19" x14ac:dyDescent="0.35">
      <c r="A46" s="19" t="s">
        <v>45</v>
      </c>
      <c r="B46" s="3"/>
      <c r="C46" s="6"/>
      <c r="E46" s="19" t="s">
        <v>38</v>
      </c>
      <c r="F46" s="3"/>
      <c r="G46" s="6"/>
    </row>
    <row r="47" spans="1:19" x14ac:dyDescent="0.35">
      <c r="A47" s="19" t="s">
        <v>4</v>
      </c>
      <c r="B47" s="3"/>
      <c r="C47" s="6"/>
      <c r="D47" s="6"/>
      <c r="E47" s="19" t="s">
        <v>10</v>
      </c>
      <c r="F47" s="3"/>
      <c r="G47" s="6"/>
      <c r="H47" s="6"/>
    </row>
    <row r="48" spans="1:19" x14ac:dyDescent="0.35">
      <c r="A48" s="19" t="s">
        <v>41</v>
      </c>
      <c r="B48" s="3"/>
      <c r="C48" s="6"/>
      <c r="E48" s="19" t="s">
        <v>24</v>
      </c>
      <c r="F48" s="3"/>
      <c r="G48" s="6"/>
    </row>
    <row r="49" spans="1:8" x14ac:dyDescent="0.35">
      <c r="A49" s="19" t="s">
        <v>24</v>
      </c>
      <c r="B49" s="3"/>
      <c r="C49" s="6"/>
      <c r="E49" s="19" t="s">
        <v>41</v>
      </c>
      <c r="F49" s="3"/>
      <c r="G49" s="6"/>
    </row>
    <row r="50" spans="1:8" x14ac:dyDescent="0.35">
      <c r="A50" s="19" t="s">
        <v>10</v>
      </c>
      <c r="B50" s="3"/>
      <c r="C50" s="6"/>
      <c r="E50" s="19" t="s">
        <v>4</v>
      </c>
      <c r="F50" s="3"/>
      <c r="G50" s="6"/>
    </row>
    <row r="51" spans="1:8" x14ac:dyDescent="0.35">
      <c r="A51" s="19" t="s">
        <v>16</v>
      </c>
      <c r="B51" s="3"/>
      <c r="C51" s="6"/>
      <c r="E51" s="19" t="s">
        <v>8</v>
      </c>
      <c r="F51" s="3"/>
      <c r="G51" s="6"/>
    </row>
    <row r="52" spans="1:8" x14ac:dyDescent="0.35">
      <c r="A52" s="19" t="s">
        <v>18</v>
      </c>
      <c r="B52" s="3"/>
      <c r="C52" s="6"/>
      <c r="E52" s="19" t="s">
        <v>23</v>
      </c>
      <c r="F52" s="3"/>
      <c r="G52" s="6"/>
    </row>
    <row r="53" spans="1:8" x14ac:dyDescent="0.35">
      <c r="A53" s="19" t="s">
        <v>20</v>
      </c>
      <c r="B53" s="3"/>
      <c r="C53" s="6"/>
      <c r="E53" s="19" t="s">
        <v>44</v>
      </c>
      <c r="F53" s="3"/>
      <c r="G53" s="25" t="s">
        <v>406</v>
      </c>
    </row>
    <row r="54" spans="1:8" x14ac:dyDescent="0.35">
      <c r="A54" s="19" t="s">
        <v>44</v>
      </c>
      <c r="B54" s="3"/>
      <c r="C54" t="s">
        <v>462</v>
      </c>
      <c r="D54" t="s">
        <v>408</v>
      </c>
      <c r="E54" s="19" t="s">
        <v>20</v>
      </c>
      <c r="F54" s="3"/>
      <c r="G54" s="6"/>
    </row>
    <row r="55" spans="1:8" x14ac:dyDescent="0.35">
      <c r="A55" s="19" t="s">
        <v>23</v>
      </c>
      <c r="B55" s="3"/>
      <c r="C55" s="6"/>
      <c r="D55" s="6"/>
      <c r="E55" s="19" t="s">
        <v>18</v>
      </c>
      <c r="F55" s="3"/>
      <c r="G55" s="6"/>
      <c r="H55" s="6"/>
    </row>
    <row r="56" spans="1:8" x14ac:dyDescent="0.35">
      <c r="A56" s="19" t="s">
        <v>8</v>
      </c>
      <c r="B56" s="3"/>
      <c r="C56" s="6"/>
      <c r="E56" s="19" t="s">
        <v>16</v>
      </c>
      <c r="F56" s="3"/>
      <c r="G56" s="6"/>
    </row>
    <row r="57" spans="1:8" x14ac:dyDescent="0.35">
      <c r="A57" s="19" t="s">
        <v>34</v>
      </c>
      <c r="B57" s="3"/>
      <c r="C57" s="6"/>
      <c r="E57" s="19" t="s">
        <v>132</v>
      </c>
      <c r="F57" s="3"/>
      <c r="G57" s="6"/>
    </row>
    <row r="58" spans="1:8" x14ac:dyDescent="0.35">
      <c r="A58" s="19" t="s">
        <v>132</v>
      </c>
      <c r="B58" s="3"/>
      <c r="C58" s="6"/>
      <c r="E58" s="19" t="s">
        <v>34</v>
      </c>
      <c r="F58" s="3"/>
      <c r="G58" s="6"/>
    </row>
    <row r="59" spans="1:8" x14ac:dyDescent="0.35">
      <c r="A59" s="19" t="s">
        <v>5</v>
      </c>
      <c r="B59" s="3"/>
      <c r="C59" s="6"/>
      <c r="E59" s="19" t="s">
        <v>5</v>
      </c>
      <c r="F59" s="3"/>
      <c r="G59" s="6"/>
    </row>
    <row r="60" spans="1:8" x14ac:dyDescent="0.35">
      <c r="A60" s="19" t="s">
        <v>11</v>
      </c>
      <c r="B60" s="3"/>
      <c r="C60" s="6"/>
      <c r="E60" s="19" t="s">
        <v>11</v>
      </c>
      <c r="F60" s="3"/>
      <c r="G60" s="6"/>
    </row>
    <row r="61" spans="1:8" x14ac:dyDescent="0.35">
      <c r="A61" s="19" t="s">
        <v>6</v>
      </c>
      <c r="B61" s="3"/>
      <c r="E61" s="19" t="s">
        <v>6</v>
      </c>
      <c r="F61" s="3"/>
    </row>
    <row r="62" spans="1:8" x14ac:dyDescent="0.35">
      <c r="A62" s="19" t="s">
        <v>40</v>
      </c>
      <c r="B62" s="3"/>
      <c r="C62" s="6"/>
      <c r="E62" s="19" t="s">
        <v>19</v>
      </c>
      <c r="F62" s="3"/>
      <c r="G62" s="6"/>
    </row>
    <row r="63" spans="1:8" x14ac:dyDescent="0.35">
      <c r="A63" s="19" t="s">
        <v>19</v>
      </c>
      <c r="B63" s="3"/>
      <c r="C63" s="6"/>
      <c r="E63" s="19" t="s">
        <v>40</v>
      </c>
      <c r="F63" s="3"/>
      <c r="G63" s="6"/>
    </row>
    <row r="64" spans="1:8" x14ac:dyDescent="0.35">
      <c r="A64" s="19" t="s">
        <v>12</v>
      </c>
      <c r="B64" s="3"/>
      <c r="C64" s="6"/>
      <c r="E64" s="19" t="s">
        <v>12</v>
      </c>
      <c r="F64" s="3"/>
      <c r="G64" s="6"/>
    </row>
    <row r="65" spans="1:7" x14ac:dyDescent="0.35">
      <c r="A65" s="19" t="s">
        <v>131</v>
      </c>
      <c r="B65" s="3"/>
      <c r="C65" s="6"/>
      <c r="E65" s="19" t="s">
        <v>131</v>
      </c>
      <c r="F65" s="3"/>
      <c r="G65" s="6"/>
    </row>
    <row r="66" spans="1:7" x14ac:dyDescent="0.35">
      <c r="A66" s="19" t="s">
        <v>22</v>
      </c>
      <c r="B66" s="3"/>
      <c r="C66" s="6"/>
      <c r="E66" s="19" t="s">
        <v>22</v>
      </c>
      <c r="F66" s="3"/>
      <c r="G66" s="6"/>
    </row>
    <row r="67" spans="1:7" x14ac:dyDescent="0.35">
      <c r="A67" s="19" t="s">
        <v>42</v>
      </c>
      <c r="B67" s="3"/>
      <c r="C67" s="6"/>
      <c r="E67" s="19" t="s">
        <v>42</v>
      </c>
      <c r="F67" s="3"/>
      <c r="G67" s="6"/>
    </row>
  </sheetData>
  <conditionalFormatting sqref="C8">
    <cfRule type="duplicateValues" dxfId="272" priority="45"/>
  </conditionalFormatting>
  <conditionalFormatting sqref="C9">
    <cfRule type="duplicateValues" dxfId="271" priority="72" stopIfTrue="1"/>
  </conditionalFormatting>
  <conditionalFormatting sqref="C11">
    <cfRule type="duplicateValues" dxfId="270" priority="41"/>
  </conditionalFormatting>
  <conditionalFormatting sqref="C12">
    <cfRule type="duplicateValues" dxfId="269" priority="39"/>
  </conditionalFormatting>
  <conditionalFormatting sqref="C14">
    <cfRule type="duplicateValues" dxfId="268" priority="67"/>
  </conditionalFormatting>
  <conditionalFormatting sqref="C15">
    <cfRule type="duplicateValues" dxfId="267" priority="47"/>
    <cfRule type="duplicateValues" dxfId="266" priority="46"/>
    <cfRule type="duplicateValues" dxfId="265" priority="48"/>
    <cfRule type="duplicateValues" dxfId="264" priority="49"/>
  </conditionalFormatting>
  <conditionalFormatting sqref="C16">
    <cfRule type="duplicateValues" dxfId="263" priority="265" stopIfTrue="1"/>
  </conditionalFormatting>
  <conditionalFormatting sqref="C18">
    <cfRule type="duplicateValues" dxfId="262" priority="66" stopIfTrue="1"/>
  </conditionalFormatting>
  <conditionalFormatting sqref="C19">
    <cfRule type="duplicateValues" dxfId="261" priority="262" stopIfTrue="1"/>
  </conditionalFormatting>
  <conditionalFormatting sqref="C20">
    <cfRule type="duplicateValues" dxfId="260" priority="38"/>
  </conditionalFormatting>
  <conditionalFormatting sqref="C24">
    <cfRule type="duplicateValues" dxfId="259" priority="63" stopIfTrue="1"/>
  </conditionalFormatting>
  <conditionalFormatting sqref="C26">
    <cfRule type="duplicateValues" dxfId="258" priority="255" stopIfTrue="1"/>
  </conditionalFormatting>
  <conditionalFormatting sqref="C27">
    <cfRule type="duplicateValues" dxfId="257" priority="254" stopIfTrue="1"/>
  </conditionalFormatting>
  <conditionalFormatting sqref="C28">
    <cfRule type="duplicateValues" dxfId="256" priority="253" stopIfTrue="1"/>
  </conditionalFormatting>
  <conditionalFormatting sqref="C31">
    <cfRule type="duplicateValues" dxfId="255" priority="33"/>
    <cfRule type="duplicateValues" dxfId="254" priority="32"/>
  </conditionalFormatting>
  <conditionalFormatting sqref="C32">
    <cfRule type="duplicateValues" dxfId="253" priority="249" stopIfTrue="1"/>
  </conditionalFormatting>
  <conditionalFormatting sqref="C34">
    <cfRule type="duplicateValues" dxfId="252" priority="65" stopIfTrue="1"/>
  </conditionalFormatting>
  <conditionalFormatting sqref="C40">
    <cfRule type="duplicateValues" dxfId="251" priority="133" stopIfTrue="1"/>
  </conditionalFormatting>
  <conditionalFormatting sqref="C41">
    <cfRule type="duplicateValues" dxfId="250" priority="132" stopIfTrue="1"/>
  </conditionalFormatting>
  <conditionalFormatting sqref="C42">
    <cfRule type="duplicateValues" dxfId="249" priority="131" stopIfTrue="1"/>
  </conditionalFormatting>
  <conditionalFormatting sqref="C43">
    <cfRule type="duplicateValues" dxfId="248" priority="129" stopIfTrue="1"/>
  </conditionalFormatting>
  <conditionalFormatting sqref="C44">
    <cfRule type="duplicateValues" dxfId="247" priority="128" stopIfTrue="1"/>
  </conditionalFormatting>
  <conditionalFormatting sqref="C45">
    <cfRule type="duplicateValues" dxfId="246" priority="130" stopIfTrue="1"/>
  </conditionalFormatting>
  <conditionalFormatting sqref="C46">
    <cfRule type="duplicateValues" dxfId="245" priority="127" stopIfTrue="1"/>
  </conditionalFormatting>
  <conditionalFormatting sqref="C47">
    <cfRule type="duplicateValues" dxfId="244" priority="126" stopIfTrue="1"/>
  </conditionalFormatting>
  <conditionalFormatting sqref="C48">
    <cfRule type="duplicateValues" dxfId="243" priority="125" stopIfTrue="1"/>
  </conditionalFormatting>
  <conditionalFormatting sqref="C49">
    <cfRule type="duplicateValues" dxfId="242" priority="124" stopIfTrue="1"/>
  </conditionalFormatting>
  <conditionalFormatting sqref="C50">
    <cfRule type="duplicateValues" dxfId="241" priority="123" stopIfTrue="1"/>
  </conditionalFormatting>
  <conditionalFormatting sqref="C51">
    <cfRule type="duplicateValues" dxfId="240" priority="122" stopIfTrue="1"/>
  </conditionalFormatting>
  <conditionalFormatting sqref="C52">
    <cfRule type="duplicateValues" dxfId="239" priority="121" stopIfTrue="1"/>
  </conditionalFormatting>
  <conditionalFormatting sqref="C53">
    <cfRule type="duplicateValues" dxfId="238" priority="120" stopIfTrue="1"/>
  </conditionalFormatting>
  <conditionalFormatting sqref="C55">
    <cfRule type="duplicateValues" dxfId="237" priority="118" stopIfTrue="1"/>
  </conditionalFormatting>
  <conditionalFormatting sqref="C56">
    <cfRule type="duplicateValues" dxfId="236" priority="117" stopIfTrue="1"/>
  </conditionalFormatting>
  <conditionalFormatting sqref="C57">
    <cfRule type="duplicateValues" dxfId="235" priority="116" stopIfTrue="1"/>
  </conditionalFormatting>
  <conditionalFormatting sqref="C58">
    <cfRule type="duplicateValues" dxfId="234" priority="115" stopIfTrue="1"/>
  </conditionalFormatting>
  <conditionalFormatting sqref="C59">
    <cfRule type="duplicateValues" dxfId="233" priority="114" stopIfTrue="1"/>
  </conditionalFormatting>
  <conditionalFormatting sqref="C60">
    <cfRule type="duplicateValues" dxfId="232" priority="113" stopIfTrue="1"/>
  </conditionalFormatting>
  <conditionalFormatting sqref="C61">
    <cfRule type="duplicateValues" dxfId="231" priority="112" stopIfTrue="1"/>
  </conditionalFormatting>
  <conditionalFormatting sqref="C62">
    <cfRule type="duplicateValues" dxfId="230" priority="111" stopIfTrue="1"/>
  </conditionalFormatting>
  <conditionalFormatting sqref="C63">
    <cfRule type="duplicateValues" dxfId="229" priority="110" stopIfTrue="1"/>
  </conditionalFormatting>
  <conditionalFormatting sqref="C64">
    <cfRule type="duplicateValues" dxfId="228" priority="109" stopIfTrue="1"/>
  </conditionalFormatting>
  <conditionalFormatting sqref="C65">
    <cfRule type="duplicateValues" dxfId="227" priority="108" stopIfTrue="1"/>
  </conditionalFormatting>
  <conditionalFormatting sqref="C66">
    <cfRule type="duplicateValues" dxfId="226" priority="107" stopIfTrue="1"/>
  </conditionalFormatting>
  <conditionalFormatting sqref="C67">
    <cfRule type="duplicateValues" dxfId="225" priority="106" stopIfTrue="1"/>
  </conditionalFormatting>
  <conditionalFormatting sqref="D8">
    <cfRule type="duplicateValues" dxfId="224" priority="44"/>
  </conditionalFormatting>
  <conditionalFormatting sqref="D9 D11">
    <cfRule type="duplicateValues" dxfId="223" priority="454" stopIfTrue="1"/>
    <cfRule type="duplicateValues" dxfId="222" priority="455" stopIfTrue="1"/>
  </conditionalFormatting>
  <conditionalFormatting sqref="D9">
    <cfRule type="duplicateValues" dxfId="221" priority="452" stopIfTrue="1"/>
    <cfRule type="duplicateValues" dxfId="220" priority="451" stopIfTrue="1"/>
  </conditionalFormatting>
  <conditionalFormatting sqref="D10">
    <cfRule type="duplicateValues" dxfId="219" priority="64"/>
  </conditionalFormatting>
  <conditionalFormatting sqref="D11 D13">
    <cfRule type="duplicateValues" dxfId="218" priority="446" stopIfTrue="1"/>
    <cfRule type="duplicateValues" dxfId="217" priority="447" stopIfTrue="1"/>
  </conditionalFormatting>
  <conditionalFormatting sqref="D12">
    <cfRule type="duplicateValues" dxfId="216" priority="40"/>
  </conditionalFormatting>
  <conditionalFormatting sqref="D17">
    <cfRule type="duplicateValues" dxfId="215" priority="435" stopIfTrue="1"/>
    <cfRule type="duplicateValues" dxfId="214" priority="434" stopIfTrue="1"/>
  </conditionalFormatting>
  <conditionalFormatting sqref="D19">
    <cfRule type="duplicateValues" dxfId="213" priority="365" stopIfTrue="1"/>
    <cfRule type="duplicateValues" dxfId="212" priority="366" stopIfTrue="1"/>
  </conditionalFormatting>
  <conditionalFormatting sqref="D20">
    <cfRule type="duplicateValues" dxfId="211" priority="432" stopIfTrue="1"/>
    <cfRule type="duplicateValues" dxfId="210" priority="431" stopIfTrue="1"/>
  </conditionalFormatting>
  <conditionalFormatting sqref="D21">
    <cfRule type="duplicateValues" dxfId="209" priority="429" stopIfTrue="1"/>
    <cfRule type="duplicateValues" dxfId="208" priority="428" stopIfTrue="1"/>
  </conditionalFormatting>
  <conditionalFormatting sqref="D22">
    <cfRule type="duplicateValues" dxfId="207" priority="421" stopIfTrue="1"/>
    <cfRule type="duplicateValues" dxfId="206" priority="420" stopIfTrue="1"/>
  </conditionalFormatting>
  <conditionalFormatting sqref="D24">
    <cfRule type="duplicateValues" dxfId="205" priority="416" stopIfTrue="1"/>
    <cfRule type="duplicateValues" dxfId="204" priority="417" stopIfTrue="1"/>
  </conditionalFormatting>
  <conditionalFormatting sqref="D25">
    <cfRule type="duplicateValues" dxfId="203" priority="4"/>
  </conditionalFormatting>
  <conditionalFormatting sqref="D28">
    <cfRule type="duplicateValues" dxfId="202" priority="405" stopIfTrue="1"/>
    <cfRule type="duplicateValues" dxfId="201" priority="404" stopIfTrue="1"/>
  </conditionalFormatting>
  <conditionalFormatting sqref="D29">
    <cfRule type="duplicateValues" dxfId="200" priority="22"/>
  </conditionalFormatting>
  <conditionalFormatting sqref="D31">
    <cfRule type="duplicateValues" dxfId="199" priority="30"/>
  </conditionalFormatting>
  <conditionalFormatting sqref="D33">
    <cfRule type="duplicateValues" dxfId="198" priority="25"/>
  </conditionalFormatting>
  <conditionalFormatting sqref="D34:D35">
    <cfRule type="duplicateValues" dxfId="197" priority="392" stopIfTrue="1"/>
    <cfRule type="duplicateValues" dxfId="196" priority="391" stopIfTrue="1"/>
  </conditionalFormatting>
  <conditionalFormatting sqref="D47">
    <cfRule type="duplicateValues" dxfId="195" priority="356" stopIfTrue="1"/>
  </conditionalFormatting>
  <conditionalFormatting sqref="D48">
    <cfRule type="duplicateValues" dxfId="194" priority="355" stopIfTrue="1"/>
  </conditionalFormatting>
  <conditionalFormatting sqref="D55">
    <cfRule type="duplicateValues" dxfId="193" priority="293" stopIfTrue="1"/>
  </conditionalFormatting>
  <conditionalFormatting sqref="G8">
    <cfRule type="duplicateValues" dxfId="192" priority="77" stopIfTrue="1"/>
  </conditionalFormatting>
  <conditionalFormatting sqref="G10">
    <cfRule type="duplicateValues" dxfId="191" priority="75" stopIfTrue="1"/>
  </conditionalFormatting>
  <conditionalFormatting sqref="G11">
    <cfRule type="duplicateValues" dxfId="190" priority="241" stopIfTrue="1"/>
  </conditionalFormatting>
  <conditionalFormatting sqref="G12">
    <cfRule type="duplicateValues" dxfId="189" priority="240" stopIfTrue="1"/>
  </conditionalFormatting>
  <conditionalFormatting sqref="G14">
    <cfRule type="duplicateValues" dxfId="188" priority="69"/>
  </conditionalFormatting>
  <conditionalFormatting sqref="G15">
    <cfRule type="duplicateValues" dxfId="187" priority="57" stopIfTrue="1"/>
  </conditionalFormatting>
  <conditionalFormatting sqref="G17">
    <cfRule type="duplicateValues" dxfId="186" priority="236" stopIfTrue="1"/>
  </conditionalFormatting>
  <conditionalFormatting sqref="G19">
    <cfRule type="duplicateValues" dxfId="185" priority="52" stopIfTrue="1"/>
  </conditionalFormatting>
  <conditionalFormatting sqref="G20">
    <cfRule type="duplicateValues" dxfId="184" priority="62"/>
  </conditionalFormatting>
  <conditionalFormatting sqref="G21">
    <cfRule type="duplicateValues" dxfId="183" priority="34"/>
  </conditionalFormatting>
  <conditionalFormatting sqref="G24">
    <cfRule type="duplicateValues" dxfId="182" priority="229" stopIfTrue="1"/>
  </conditionalFormatting>
  <conditionalFormatting sqref="G25">
    <cfRule type="duplicateValues" dxfId="181" priority="228" stopIfTrue="1"/>
  </conditionalFormatting>
  <conditionalFormatting sqref="G26">
    <cfRule type="duplicateValues" dxfId="180" priority="227" stopIfTrue="1"/>
  </conditionalFormatting>
  <conditionalFormatting sqref="G27">
    <cfRule type="duplicateValues" dxfId="179" priority="226" stopIfTrue="1"/>
  </conditionalFormatting>
  <conditionalFormatting sqref="G28">
    <cfRule type="duplicateValues" dxfId="178" priority="225" stopIfTrue="1"/>
  </conditionalFormatting>
  <conditionalFormatting sqref="G30">
    <cfRule type="duplicateValues" dxfId="177" priority="23"/>
  </conditionalFormatting>
  <conditionalFormatting sqref="G31">
    <cfRule type="duplicateValues" dxfId="176" priority="222" stopIfTrue="1"/>
  </conditionalFormatting>
  <conditionalFormatting sqref="G32">
    <cfRule type="duplicateValues" dxfId="175" priority="28" stopIfTrue="1"/>
  </conditionalFormatting>
  <conditionalFormatting sqref="G33">
    <cfRule type="duplicateValues" dxfId="174" priority="24"/>
  </conditionalFormatting>
  <conditionalFormatting sqref="G34">
    <cfRule type="duplicateValues" dxfId="173" priority="55" stopIfTrue="1"/>
  </conditionalFormatting>
  <conditionalFormatting sqref="G35">
    <cfRule type="duplicateValues" dxfId="172" priority="218" stopIfTrue="1"/>
  </conditionalFormatting>
  <conditionalFormatting sqref="G40">
    <cfRule type="duplicateValues" dxfId="171" priority="105" stopIfTrue="1"/>
  </conditionalFormatting>
  <conditionalFormatting sqref="G41">
    <cfRule type="duplicateValues" dxfId="170" priority="104" stopIfTrue="1"/>
  </conditionalFormatting>
  <conditionalFormatting sqref="G42">
    <cfRule type="duplicateValues" dxfId="169" priority="103" stopIfTrue="1"/>
  </conditionalFormatting>
  <conditionalFormatting sqref="G43">
    <cfRule type="duplicateValues" dxfId="168" priority="101" stopIfTrue="1"/>
  </conditionalFormatting>
  <conditionalFormatting sqref="G44">
    <cfRule type="duplicateValues" dxfId="167" priority="100" stopIfTrue="1"/>
  </conditionalFormatting>
  <conditionalFormatting sqref="G45">
    <cfRule type="duplicateValues" dxfId="166" priority="102" stopIfTrue="1"/>
  </conditionalFormatting>
  <conditionalFormatting sqref="G46">
    <cfRule type="duplicateValues" dxfId="165" priority="99" stopIfTrue="1"/>
  </conditionalFormatting>
  <conditionalFormatting sqref="G47">
    <cfRule type="duplicateValues" dxfId="164" priority="98" stopIfTrue="1"/>
  </conditionalFormatting>
  <conditionalFormatting sqref="G48">
    <cfRule type="duplicateValues" dxfId="163" priority="97" stopIfTrue="1"/>
  </conditionalFormatting>
  <conditionalFormatting sqref="G49">
    <cfRule type="duplicateValues" dxfId="162" priority="96" stopIfTrue="1"/>
  </conditionalFormatting>
  <conditionalFormatting sqref="G50">
    <cfRule type="duplicateValues" dxfId="161" priority="95" stopIfTrue="1"/>
  </conditionalFormatting>
  <conditionalFormatting sqref="G51">
    <cfRule type="duplicateValues" dxfId="160" priority="94" stopIfTrue="1"/>
  </conditionalFormatting>
  <conditionalFormatting sqref="G52">
    <cfRule type="duplicateValues" dxfId="159" priority="93" stopIfTrue="1"/>
  </conditionalFormatting>
  <conditionalFormatting sqref="G53">
    <cfRule type="duplicateValues" dxfId="158" priority="92" stopIfTrue="1"/>
  </conditionalFormatting>
  <conditionalFormatting sqref="G54">
    <cfRule type="duplicateValues" dxfId="157" priority="91" stopIfTrue="1"/>
  </conditionalFormatting>
  <conditionalFormatting sqref="G55">
    <cfRule type="duplicateValues" dxfId="156" priority="90" stopIfTrue="1"/>
  </conditionalFormatting>
  <conditionalFormatting sqref="G56">
    <cfRule type="duplicateValues" dxfId="155" priority="89" stopIfTrue="1"/>
  </conditionalFormatting>
  <conditionalFormatting sqref="G57">
    <cfRule type="duplicateValues" dxfId="154" priority="88" stopIfTrue="1"/>
  </conditionalFormatting>
  <conditionalFormatting sqref="G58">
    <cfRule type="duplicateValues" dxfId="153" priority="87" stopIfTrue="1"/>
  </conditionalFormatting>
  <conditionalFormatting sqref="G59">
    <cfRule type="duplicateValues" dxfId="152" priority="86" stopIfTrue="1"/>
  </conditionalFormatting>
  <conditionalFormatting sqref="G60">
    <cfRule type="duplicateValues" dxfId="151" priority="85" stopIfTrue="1"/>
  </conditionalFormatting>
  <conditionalFormatting sqref="G61">
    <cfRule type="duplicateValues" dxfId="150" priority="84" stopIfTrue="1"/>
  </conditionalFormatting>
  <conditionalFormatting sqref="G62">
    <cfRule type="duplicateValues" dxfId="149" priority="83" stopIfTrue="1"/>
  </conditionalFormatting>
  <conditionalFormatting sqref="G63">
    <cfRule type="duplicateValues" dxfId="148" priority="82" stopIfTrue="1"/>
  </conditionalFormatting>
  <conditionalFormatting sqref="G64">
    <cfRule type="duplicateValues" dxfId="147" priority="81" stopIfTrue="1"/>
  </conditionalFormatting>
  <conditionalFormatting sqref="G65">
    <cfRule type="duplicateValues" dxfId="146" priority="80" stopIfTrue="1"/>
  </conditionalFormatting>
  <conditionalFormatting sqref="G66">
    <cfRule type="duplicateValues" dxfId="145" priority="79" stopIfTrue="1"/>
  </conditionalFormatting>
  <conditionalFormatting sqref="G67">
    <cfRule type="duplicateValues" dxfId="144" priority="78" stopIfTrue="1"/>
  </conditionalFormatting>
  <conditionalFormatting sqref="H9">
    <cfRule type="duplicateValues" dxfId="143" priority="43"/>
  </conditionalFormatting>
  <conditionalFormatting sqref="H10">
    <cfRule type="duplicateValues" dxfId="142" priority="384" stopIfTrue="1"/>
    <cfRule type="duplicateValues" dxfId="141" priority="383" stopIfTrue="1"/>
  </conditionalFormatting>
  <conditionalFormatting sqref="H11">
    <cfRule type="duplicateValues" dxfId="140" priority="380" stopIfTrue="1"/>
    <cfRule type="duplicateValues" dxfId="139" priority="381" stopIfTrue="1"/>
  </conditionalFormatting>
  <conditionalFormatting sqref="H12">
    <cfRule type="duplicateValues" dxfId="138" priority="378" stopIfTrue="1"/>
    <cfRule type="duplicateValues" dxfId="137" priority="379" stopIfTrue="1"/>
  </conditionalFormatting>
  <conditionalFormatting sqref="H13">
    <cfRule type="duplicateValues" dxfId="136" priority="61" stopIfTrue="1"/>
  </conditionalFormatting>
  <conditionalFormatting sqref="H15">
    <cfRule type="duplicateValues" dxfId="135" priority="373" stopIfTrue="1"/>
  </conditionalFormatting>
  <conditionalFormatting sqref="H16">
    <cfRule type="duplicateValues" dxfId="134" priority="364" stopIfTrue="1"/>
  </conditionalFormatting>
  <conditionalFormatting sqref="H17">
    <cfRule type="duplicateValues" dxfId="133" priority="354" stopIfTrue="1"/>
    <cfRule type="duplicateValues" dxfId="132" priority="353" stopIfTrue="1"/>
  </conditionalFormatting>
  <conditionalFormatting sqref="H18">
    <cfRule type="duplicateValues" dxfId="131" priority="18"/>
  </conditionalFormatting>
  <conditionalFormatting sqref="H21">
    <cfRule type="duplicateValues" dxfId="130" priority="426" stopIfTrue="1"/>
    <cfRule type="duplicateValues" dxfId="129" priority="425" stopIfTrue="1"/>
  </conditionalFormatting>
  <conditionalFormatting sqref="H22">
    <cfRule type="duplicateValues" dxfId="128" priority="418" stopIfTrue="1"/>
    <cfRule type="duplicateValues" dxfId="127" priority="419" stopIfTrue="1"/>
  </conditionalFormatting>
  <conditionalFormatting sqref="H23">
    <cfRule type="duplicateValues" dxfId="126" priority="7" stopIfTrue="1"/>
    <cfRule type="duplicateValues" dxfId="125" priority="6" stopIfTrue="1"/>
  </conditionalFormatting>
  <conditionalFormatting sqref="H24">
    <cfRule type="duplicateValues" dxfId="124" priority="410" stopIfTrue="1"/>
    <cfRule type="duplicateValues" dxfId="123" priority="411" stopIfTrue="1"/>
  </conditionalFormatting>
  <conditionalFormatting sqref="H26">
    <cfRule type="duplicateValues" dxfId="122" priority="342" stopIfTrue="1"/>
  </conditionalFormatting>
  <conditionalFormatting sqref="H27">
    <cfRule type="duplicateValues" dxfId="121" priority="341" stopIfTrue="1"/>
  </conditionalFormatting>
  <conditionalFormatting sqref="H28">
    <cfRule type="duplicateValues" dxfId="120" priority="402" stopIfTrue="1"/>
    <cfRule type="duplicateValues" dxfId="119" priority="403" stopIfTrue="1"/>
  </conditionalFormatting>
  <conditionalFormatting sqref="H29">
    <cfRule type="duplicateValues" dxfId="118" priority="1"/>
  </conditionalFormatting>
  <conditionalFormatting sqref="H30">
    <cfRule type="duplicateValues" dxfId="117" priority="29"/>
  </conditionalFormatting>
  <conditionalFormatting sqref="H31">
    <cfRule type="duplicateValues" dxfId="116" priority="328" stopIfTrue="1"/>
    <cfRule type="duplicateValues" dxfId="115" priority="329" stopIfTrue="1"/>
  </conditionalFormatting>
  <conditionalFormatting sqref="H33">
    <cfRule type="duplicateValues" dxfId="114" priority="5"/>
  </conditionalFormatting>
  <conditionalFormatting sqref="H34">
    <cfRule type="duplicateValues" dxfId="113" priority="325" stopIfTrue="1"/>
    <cfRule type="duplicateValues" dxfId="112" priority="324" stopIfTrue="1"/>
  </conditionalFormatting>
  <conditionalFormatting sqref="H35">
    <cfRule type="duplicateValues" dxfId="111" priority="323" stopIfTrue="1"/>
  </conditionalFormatting>
  <conditionalFormatting sqref="H47">
    <cfRule type="duplicateValues" dxfId="110" priority="282" stopIfTrue="1"/>
  </conditionalFormatting>
  <conditionalFormatting sqref="H48">
    <cfRule type="duplicateValues" dxfId="109" priority="281" stopIfTrue="1"/>
  </conditionalFormatting>
  <conditionalFormatting sqref="H55">
    <cfRule type="duplicateValues" dxfId="108" priority="288" stopIfTrue="1"/>
  </conditionalFormatting>
  <conditionalFormatting sqref="K9">
    <cfRule type="duplicateValues" dxfId="107" priority="59" stopIfTrue="1"/>
  </conditionalFormatting>
  <conditionalFormatting sqref="K10">
    <cfRule type="duplicateValues" dxfId="106" priority="215" stopIfTrue="1"/>
  </conditionalFormatting>
  <conditionalFormatting sqref="K11">
    <cfRule type="duplicateValues" dxfId="105" priority="213" stopIfTrue="1"/>
  </conditionalFormatting>
  <conditionalFormatting sqref="K12">
    <cfRule type="duplicateValues" dxfId="104" priority="212" stopIfTrue="1"/>
  </conditionalFormatting>
  <conditionalFormatting sqref="K13">
    <cfRule type="duplicateValues" dxfId="103" priority="214" stopIfTrue="1"/>
  </conditionalFormatting>
  <conditionalFormatting sqref="K14">
    <cfRule type="duplicateValues" dxfId="102" priority="68"/>
  </conditionalFormatting>
  <conditionalFormatting sqref="K16">
    <cfRule type="duplicateValues" dxfId="101" priority="209" stopIfTrue="1"/>
  </conditionalFormatting>
  <conditionalFormatting sqref="K19">
    <cfRule type="duplicateValues" dxfId="100" priority="206" stopIfTrue="1"/>
  </conditionalFormatting>
  <conditionalFormatting sqref="K20">
    <cfRule type="duplicateValues" dxfId="99" priority="37"/>
  </conditionalFormatting>
  <conditionalFormatting sqref="K23">
    <cfRule type="duplicateValues" dxfId="98" priority="60"/>
  </conditionalFormatting>
  <conditionalFormatting sqref="K24">
    <cfRule type="duplicateValues" dxfId="97" priority="51" stopIfTrue="1"/>
  </conditionalFormatting>
  <conditionalFormatting sqref="K25">
    <cfRule type="duplicateValues" dxfId="96" priority="200" stopIfTrue="1"/>
  </conditionalFormatting>
  <conditionalFormatting sqref="K26">
    <cfRule type="duplicateValues" dxfId="95" priority="199" stopIfTrue="1"/>
  </conditionalFormatting>
  <conditionalFormatting sqref="K27">
    <cfRule type="duplicateValues" dxfId="94" priority="198" stopIfTrue="1"/>
  </conditionalFormatting>
  <conditionalFormatting sqref="K28">
    <cfRule type="duplicateValues" dxfId="93" priority="197" stopIfTrue="1"/>
  </conditionalFormatting>
  <conditionalFormatting sqref="K29">
    <cfRule type="duplicateValues" dxfId="92" priority="196" stopIfTrue="1"/>
  </conditionalFormatting>
  <conditionalFormatting sqref="K30">
    <cfRule type="duplicateValues" dxfId="91" priority="195" stopIfTrue="1"/>
  </conditionalFormatting>
  <conditionalFormatting sqref="K31">
    <cfRule type="duplicateValues" dxfId="90" priority="194" stopIfTrue="1"/>
  </conditionalFormatting>
  <conditionalFormatting sqref="K32">
    <cfRule type="duplicateValues" dxfId="89" priority="27" stopIfTrue="1"/>
  </conditionalFormatting>
  <conditionalFormatting sqref="K34">
    <cfRule type="duplicateValues" dxfId="88" priority="54" stopIfTrue="1"/>
  </conditionalFormatting>
  <conditionalFormatting sqref="K35">
    <cfRule type="duplicateValues" dxfId="87" priority="21" stopIfTrue="1"/>
  </conditionalFormatting>
  <conditionalFormatting sqref="L8">
    <cfRule type="duplicateValues" dxfId="86" priority="42"/>
  </conditionalFormatting>
  <conditionalFormatting sqref="L10">
    <cfRule type="duplicateValues" dxfId="85" priority="320" stopIfTrue="1"/>
    <cfRule type="duplicateValues" dxfId="84" priority="321" stopIfTrue="1"/>
  </conditionalFormatting>
  <conditionalFormatting sqref="L11">
    <cfRule type="duplicateValues" dxfId="83" priority="318" stopIfTrue="1"/>
    <cfRule type="duplicateValues" dxfId="82" priority="319" stopIfTrue="1"/>
  </conditionalFormatting>
  <conditionalFormatting sqref="L15">
    <cfRule type="duplicateValues" dxfId="81" priority="17"/>
  </conditionalFormatting>
  <conditionalFormatting sqref="L16">
    <cfRule type="duplicateValues" dxfId="80" priority="363" stopIfTrue="1"/>
  </conditionalFormatting>
  <conditionalFormatting sqref="L17">
    <cfRule type="duplicateValues" dxfId="79" priority="351" stopIfTrue="1"/>
    <cfRule type="duplicateValues" dxfId="78" priority="350" stopIfTrue="1"/>
  </conditionalFormatting>
  <conditionalFormatting sqref="L20">
    <cfRule type="duplicateValues" dxfId="77" priority="345" stopIfTrue="1"/>
    <cfRule type="duplicateValues" dxfId="76" priority="344" stopIfTrue="1"/>
  </conditionalFormatting>
  <conditionalFormatting sqref="L22">
    <cfRule type="duplicateValues" dxfId="75" priority="275" stopIfTrue="1"/>
  </conditionalFormatting>
  <conditionalFormatting sqref="L27">
    <cfRule type="duplicateValues" dxfId="74" priority="336" stopIfTrue="1"/>
    <cfRule type="duplicateValues" dxfId="73" priority="335" stopIfTrue="1"/>
  </conditionalFormatting>
  <conditionalFormatting sqref="L29">
    <cfRule type="duplicateValues" dxfId="72" priority="312" stopIfTrue="1"/>
  </conditionalFormatting>
  <conditionalFormatting sqref="L31">
    <cfRule type="duplicateValues" dxfId="71" priority="309" stopIfTrue="1"/>
    <cfRule type="duplicateValues" dxfId="70" priority="310" stopIfTrue="1"/>
  </conditionalFormatting>
  <conditionalFormatting sqref="L33">
    <cfRule type="duplicateValues" dxfId="69" priority="3"/>
  </conditionalFormatting>
  <conditionalFormatting sqref="L35">
    <cfRule type="duplicateValues" dxfId="68" priority="305" stopIfTrue="1"/>
  </conditionalFormatting>
  <conditionalFormatting sqref="O8">
    <cfRule type="duplicateValues" dxfId="67" priority="58" stopIfTrue="1"/>
  </conditionalFormatting>
  <conditionalFormatting sqref="O9">
    <cfRule type="duplicateValues" dxfId="66" priority="188" stopIfTrue="1"/>
  </conditionalFormatting>
  <conditionalFormatting sqref="O10">
    <cfRule type="duplicateValues" dxfId="65" priority="187" stopIfTrue="1"/>
  </conditionalFormatting>
  <conditionalFormatting sqref="O11">
    <cfRule type="duplicateValues" dxfId="64" priority="185" stopIfTrue="1"/>
  </conditionalFormatting>
  <conditionalFormatting sqref="O12">
    <cfRule type="duplicateValues" dxfId="63" priority="184" stopIfTrue="1"/>
  </conditionalFormatting>
  <conditionalFormatting sqref="O13">
    <cfRule type="duplicateValues" dxfId="62" priority="186" stopIfTrue="1"/>
  </conditionalFormatting>
  <conditionalFormatting sqref="O14">
    <cfRule type="duplicateValues" dxfId="61" priority="19"/>
  </conditionalFormatting>
  <conditionalFormatting sqref="O15">
    <cfRule type="duplicateValues" dxfId="60" priority="56" stopIfTrue="1"/>
  </conditionalFormatting>
  <conditionalFormatting sqref="O16">
    <cfRule type="duplicateValues" dxfId="59" priority="181" stopIfTrue="1"/>
  </conditionalFormatting>
  <conditionalFormatting sqref="O17">
    <cfRule type="duplicateValues" dxfId="58" priority="180" stopIfTrue="1"/>
  </conditionalFormatting>
  <conditionalFormatting sqref="O19">
    <cfRule type="duplicateValues" dxfId="57" priority="50" stopIfTrue="1"/>
  </conditionalFormatting>
  <conditionalFormatting sqref="O20">
    <cfRule type="duplicateValues" dxfId="56" priority="177" stopIfTrue="1"/>
  </conditionalFormatting>
  <conditionalFormatting sqref="O21">
    <cfRule type="duplicateValues" dxfId="55" priority="176" stopIfTrue="1"/>
  </conditionalFormatting>
  <conditionalFormatting sqref="O23">
    <cfRule type="duplicateValues" dxfId="54" priority="36"/>
    <cfRule type="duplicateValues" dxfId="53" priority="35"/>
  </conditionalFormatting>
  <conditionalFormatting sqref="O24">
    <cfRule type="duplicateValues" dxfId="52" priority="173" stopIfTrue="1"/>
  </conditionalFormatting>
  <conditionalFormatting sqref="O25">
    <cfRule type="duplicateValues" dxfId="51" priority="172" stopIfTrue="1"/>
  </conditionalFormatting>
  <conditionalFormatting sqref="O26">
    <cfRule type="duplicateValues" dxfId="50" priority="171" stopIfTrue="1"/>
  </conditionalFormatting>
  <conditionalFormatting sqref="O27">
    <cfRule type="duplicateValues" dxfId="49" priority="170" stopIfTrue="1"/>
  </conditionalFormatting>
  <conditionalFormatting sqref="O28">
    <cfRule type="duplicateValues" dxfId="48" priority="169" stopIfTrue="1"/>
  </conditionalFormatting>
  <conditionalFormatting sqref="O29">
    <cfRule type="duplicateValues" dxfId="47" priority="168" stopIfTrue="1"/>
  </conditionalFormatting>
  <conditionalFormatting sqref="O30">
    <cfRule type="duplicateValues" dxfId="46" priority="167" stopIfTrue="1"/>
  </conditionalFormatting>
  <conditionalFormatting sqref="O31">
    <cfRule type="duplicateValues" dxfId="45" priority="166" stopIfTrue="1"/>
  </conditionalFormatting>
  <conditionalFormatting sqref="O32">
    <cfRule type="duplicateValues" dxfId="44" priority="26" stopIfTrue="1"/>
  </conditionalFormatting>
  <conditionalFormatting sqref="O34">
    <cfRule type="duplicateValues" dxfId="43" priority="53" stopIfTrue="1"/>
  </conditionalFormatting>
  <conditionalFormatting sqref="O35">
    <cfRule type="duplicateValues" dxfId="42" priority="20" stopIfTrue="1"/>
  </conditionalFormatting>
  <conditionalFormatting sqref="P14">
    <cfRule type="duplicateValues" dxfId="41" priority="307" stopIfTrue="1"/>
  </conditionalFormatting>
  <conditionalFormatting sqref="P15">
    <cfRule type="duplicateValues" dxfId="40" priority="372" stopIfTrue="1"/>
  </conditionalFormatting>
  <conditionalFormatting sqref="P18">
    <cfRule type="duplicateValues" dxfId="39" priority="16"/>
  </conditionalFormatting>
  <conditionalFormatting sqref="P23">
    <cfRule type="duplicateValues" dxfId="38" priority="314" stopIfTrue="1"/>
  </conditionalFormatting>
  <conditionalFormatting sqref="P27">
    <cfRule type="duplicateValues" dxfId="37" priority="333" stopIfTrue="1"/>
    <cfRule type="duplicateValues" dxfId="36" priority="334" stopIfTrue="1"/>
  </conditionalFormatting>
  <conditionalFormatting sqref="P29">
    <cfRule type="duplicateValues" dxfId="35" priority="306" stopIfTrue="1"/>
  </conditionalFormatting>
  <conditionalFormatting sqref="P33">
    <cfRule type="duplicateValues" dxfId="34" priority="2"/>
  </conditionalFormatting>
  <conditionalFormatting sqref="P35">
    <cfRule type="duplicateValues" dxfId="33" priority="279" stopIfTrue="1"/>
    <cfRule type="duplicateValues" dxfId="32" priority="278" stopIfTrue="1"/>
    <cfRule type="duplicateValues" dxfId="31" priority="277" stopIfTrue="1"/>
  </conditionalFormatting>
  <conditionalFormatting sqref="S8">
    <cfRule type="duplicateValues" dxfId="30" priority="9" stopIfTrue="1"/>
  </conditionalFormatting>
  <conditionalFormatting sqref="S9">
    <cfRule type="duplicateValues" dxfId="29" priority="14" stopIfTrue="1"/>
  </conditionalFormatting>
  <conditionalFormatting sqref="S10">
    <cfRule type="duplicateValues" dxfId="28" priority="13" stopIfTrue="1"/>
  </conditionalFormatting>
  <conditionalFormatting sqref="S11">
    <cfRule type="duplicateValues" dxfId="27" priority="11" stopIfTrue="1"/>
  </conditionalFormatting>
  <conditionalFormatting sqref="S12">
    <cfRule type="duplicateValues" dxfId="26" priority="10" stopIfTrue="1"/>
  </conditionalFormatting>
  <conditionalFormatting sqref="S13">
    <cfRule type="duplicateValues" dxfId="25" priority="12" stopIfTrue="1"/>
  </conditionalFormatting>
  <conditionalFormatting sqref="S14">
    <cfRule type="duplicateValues" dxfId="24" priority="8"/>
  </conditionalFormatting>
  <conditionalFormatting sqref="S16">
    <cfRule type="duplicateValues" dxfId="23" priority="153" stopIfTrue="1"/>
  </conditionalFormatting>
  <conditionalFormatting sqref="S17">
    <cfRule type="duplicateValues" dxfId="22" priority="152" stopIfTrue="1"/>
  </conditionalFormatting>
  <conditionalFormatting sqref="S18">
    <cfRule type="duplicateValues" dxfId="21" priority="151" stopIfTrue="1"/>
  </conditionalFormatting>
  <conditionalFormatting sqref="S19">
    <cfRule type="duplicateValues" dxfId="20" priority="150" stopIfTrue="1"/>
  </conditionalFormatting>
  <conditionalFormatting sqref="S20">
    <cfRule type="duplicateValues" dxfId="19" priority="149" stopIfTrue="1"/>
  </conditionalFormatting>
  <conditionalFormatting sqref="S22">
    <cfRule type="duplicateValues" dxfId="18" priority="147" stopIfTrue="1"/>
  </conditionalFormatting>
  <conditionalFormatting sqref="S23">
    <cfRule type="duplicateValues" dxfId="17" priority="146" stopIfTrue="1"/>
  </conditionalFormatting>
  <conditionalFormatting sqref="S24">
    <cfRule type="duplicateValues" dxfId="16" priority="145" stopIfTrue="1"/>
  </conditionalFormatting>
  <conditionalFormatting sqref="S25">
    <cfRule type="duplicateValues" dxfId="15" priority="144" stopIfTrue="1"/>
  </conditionalFormatting>
  <conditionalFormatting sqref="S26">
    <cfRule type="duplicateValues" dxfId="14" priority="143" stopIfTrue="1"/>
  </conditionalFormatting>
  <conditionalFormatting sqref="S27">
    <cfRule type="duplicateValues" dxfId="13" priority="142" stopIfTrue="1"/>
  </conditionalFormatting>
  <conditionalFormatting sqref="S28">
    <cfRule type="duplicateValues" dxfId="12" priority="141" stopIfTrue="1"/>
  </conditionalFormatting>
  <conditionalFormatting sqref="S29">
    <cfRule type="duplicateValues" dxfId="11" priority="140" stopIfTrue="1"/>
  </conditionalFormatting>
  <conditionalFormatting sqref="S30">
    <cfRule type="duplicateValues" dxfId="10" priority="139" stopIfTrue="1"/>
  </conditionalFormatting>
  <conditionalFormatting sqref="S31">
    <cfRule type="duplicateValues" dxfId="9" priority="138" stopIfTrue="1"/>
  </conditionalFormatting>
  <conditionalFormatting sqref="S32">
    <cfRule type="duplicateValues" dxfId="8" priority="137" stopIfTrue="1"/>
  </conditionalFormatting>
  <conditionalFormatting sqref="S33">
    <cfRule type="duplicateValues" dxfId="7" priority="136" stopIfTrue="1"/>
  </conditionalFormatting>
  <conditionalFormatting sqref="S34">
    <cfRule type="duplicateValues" dxfId="6" priority="135" stopIfTrue="1"/>
  </conditionalFormatting>
  <conditionalFormatting sqref="S35">
    <cfRule type="duplicateValues" dxfId="5" priority="134" stopIfTrue="1"/>
  </conditionalFormatting>
  <conditionalFormatting sqref="T15">
    <cfRule type="duplicateValues" dxfId="4" priority="15"/>
  </conditionalFormatting>
  <conditionalFormatting sqref="T16">
    <cfRule type="duplicateValues" dxfId="3" priority="361" stopIfTrue="1"/>
  </conditionalFormatting>
  <conditionalFormatting sqref="T17">
    <cfRule type="duplicateValues" dxfId="2" priority="274" stopIfTrue="1"/>
  </conditionalFormatting>
  <conditionalFormatting sqref="T23">
    <cfRule type="duplicateValues" dxfId="1" priority="313" stopIfTrue="1"/>
  </conditionalFormatting>
  <conditionalFormatting sqref="T29">
    <cfRule type="duplicateValues" dxfId="0" priority="304" stopIfTrue="1"/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2024 Rookie Free-Agent Draft</vt:lpstr>
      <vt:lpstr>2024 Supplemental Draf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d</dc:creator>
  <cp:lastModifiedBy>Dennis Crowley</cp:lastModifiedBy>
  <dcterms:created xsi:type="dcterms:W3CDTF">2004-01-12T03:50:34Z</dcterms:created>
  <dcterms:modified xsi:type="dcterms:W3CDTF">2025-09-24T18:26:00Z</dcterms:modified>
</cp:coreProperties>
</file>